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13.171.32\s19300\※母子保健グループ\B04 小児慢性特定疾病\02県要綱\1.7.1一部改正\【改正後】様式\"/>
    </mc:Choice>
  </mc:AlternateContent>
  <bookViews>
    <workbookView xWindow="0" yWindow="0" windowWidth="20490" windowHeight="7770" firstSheet="1" activeTab="1"/>
  </bookViews>
  <sheets>
    <sheet name="人工呼吸器" sheetId="18" state="hidden" r:id="rId1"/>
    <sheet name="別紙３（人工呼吸器証明）  " sheetId="29" r:id="rId2"/>
    <sheet name="基準表" sheetId="23" state="hidden" r:id="rId3"/>
  </sheets>
  <definedNames>
    <definedName name="_xlnm.Print_Area" localSheetId="2">基準表!$A$1:$J$28</definedName>
    <definedName name="_xlnm.Print_Area" localSheetId="0">人工呼吸器!$A$1:$K$22</definedName>
    <definedName name="_xlnm.Print_Area" localSheetId="1">'別紙３（人工呼吸器証明）  '!$A$1:$K$26</definedName>
  </definedNames>
  <calcPr calcId="145621"/>
</workbook>
</file>

<file path=xl/sharedStrings.xml><?xml version="1.0" encoding="utf-8"?>
<sst xmlns="http://schemas.openxmlformats.org/spreadsheetml/2006/main" count="67" uniqueCount="56">
  <si>
    <t>性別</t>
    <rPh sb="0" eb="2">
      <t>セイベツ</t>
    </rPh>
    <phoneticPr fontId="3"/>
  </si>
  <si>
    <t>１．男
２．女</t>
    <rPh sb="2" eb="3">
      <t>オトコ</t>
    </rPh>
    <rPh sb="6" eb="7">
      <t>オンナ</t>
    </rPh>
    <phoneticPr fontId="3"/>
  </si>
  <si>
    <t>生年月日</t>
    <rPh sb="0" eb="2">
      <t>セイネン</t>
    </rPh>
    <rPh sb="2" eb="4">
      <t>ガッピ</t>
    </rPh>
    <phoneticPr fontId="3"/>
  </si>
  <si>
    <t>１．明治　２．大正
３．昭和　４．平成</t>
    <rPh sb="2" eb="4">
      <t>メイジ</t>
    </rPh>
    <rPh sb="7" eb="9">
      <t>タイショウ</t>
    </rPh>
    <rPh sb="12" eb="14">
      <t>ショウワ</t>
    </rPh>
    <rPh sb="17" eb="19">
      <t>ヘイセイ</t>
    </rPh>
    <phoneticPr fontId="3"/>
  </si>
  <si>
    <t xml:space="preserve">   　年 　　月　　 日生（満　 　歳）</t>
    <rPh sb="4" eb="5">
      <t>ネン</t>
    </rPh>
    <rPh sb="8" eb="9">
      <t>ガツ</t>
    </rPh>
    <rPh sb="12" eb="13">
      <t>ニチ</t>
    </rPh>
    <rPh sb="13" eb="14">
      <t>ウ</t>
    </rPh>
    <rPh sb="15" eb="16">
      <t>マン</t>
    </rPh>
    <rPh sb="19" eb="20">
      <t>サイ</t>
    </rPh>
    <phoneticPr fontId="3"/>
  </si>
  <si>
    <t>氏名</t>
    <rPh sb="0" eb="2">
      <t>シメイ</t>
    </rPh>
    <phoneticPr fontId="3"/>
  </si>
  <si>
    <t>医療受給者証に記載されている病名</t>
    <rPh sb="0" eb="2">
      <t>イリョウ</t>
    </rPh>
    <phoneticPr fontId="3"/>
  </si>
  <si>
    <t>①人工呼吸器の使用について</t>
    <rPh sb="1" eb="3">
      <t>ジンコウ</t>
    </rPh>
    <rPh sb="3" eb="6">
      <t>コキュウキ</t>
    </rPh>
    <rPh sb="7" eb="9">
      <t>シヨウ</t>
    </rPh>
    <phoneticPr fontId="3"/>
  </si>
  <si>
    <t>人工呼吸器装着の有無</t>
    <rPh sb="0" eb="2">
      <t>ジンコウ</t>
    </rPh>
    <rPh sb="2" eb="5">
      <t>コキュウキ</t>
    </rPh>
    <rPh sb="5" eb="7">
      <t>ソウチャク</t>
    </rPh>
    <rPh sb="8" eb="10">
      <t>ウム</t>
    </rPh>
    <phoneticPr fontId="3"/>
  </si>
  <si>
    <t>人工呼吸器の種類</t>
    <rPh sb="0" eb="2">
      <t>ジンコウ</t>
    </rPh>
    <rPh sb="2" eb="5">
      <t>コキュウキ</t>
    </rPh>
    <rPh sb="6" eb="8">
      <t>シュルイ</t>
    </rPh>
    <phoneticPr fontId="3"/>
  </si>
  <si>
    <t>施行状況</t>
    <rPh sb="0" eb="2">
      <t>セコウ</t>
    </rPh>
    <rPh sb="2" eb="4">
      <t>ジョウキョウ</t>
    </rPh>
    <phoneticPr fontId="3"/>
  </si>
  <si>
    <t>生活状況</t>
    <rPh sb="0" eb="2">
      <t>セイカツ</t>
    </rPh>
    <rPh sb="2" eb="4">
      <t>ジョウキョウ</t>
    </rPh>
    <phoneticPr fontId="3"/>
  </si>
  <si>
    <t>②体外式補助人工心臓の使用について</t>
    <rPh sb="1" eb="4">
      <t>タイガイシキ</t>
    </rPh>
    <rPh sb="4" eb="6">
      <t>ホジョ</t>
    </rPh>
    <rPh sb="6" eb="8">
      <t>ジンコウ</t>
    </rPh>
    <rPh sb="8" eb="10">
      <t>シンゾウ</t>
    </rPh>
    <rPh sb="11" eb="13">
      <t>シヨウ</t>
    </rPh>
    <phoneticPr fontId="3"/>
  </si>
  <si>
    <t>体外式補助人工心臓の装着の有無</t>
    <rPh sb="0" eb="3">
      <t>タイガイシキ</t>
    </rPh>
    <rPh sb="3" eb="5">
      <t>ホジョ</t>
    </rPh>
    <rPh sb="5" eb="7">
      <t>ジンコウ</t>
    </rPh>
    <rPh sb="7" eb="9">
      <t>シンゾウ</t>
    </rPh>
    <rPh sb="10" eb="12">
      <t>ソウチャク</t>
    </rPh>
    <rPh sb="13" eb="15">
      <t>ウム</t>
    </rPh>
    <phoneticPr fontId="3"/>
  </si>
  <si>
    <t>体外式補助人工心臓　1.あり（昭和・平成　　　年　　月から）2.なし</t>
    <rPh sb="0" eb="3">
      <t>タイガイシキ</t>
    </rPh>
    <rPh sb="3" eb="5">
      <t>ホジョ</t>
    </rPh>
    <rPh sb="5" eb="7">
      <t>ジンコウ</t>
    </rPh>
    <rPh sb="7" eb="9">
      <t>シンゾウ</t>
    </rPh>
    <phoneticPr fontId="3"/>
  </si>
  <si>
    <t>ふりがな</t>
    <phoneticPr fontId="3"/>
  </si>
  <si>
    <t>人工呼吸器　１.あり（昭和・平成　　　年　　月から）２.なし</t>
    <phoneticPr fontId="3"/>
  </si>
  <si>
    <t>１．間欠的施行　２．夜間に継続的に施行　３．一日中施行　４．現在は未施行</t>
    <rPh sb="2" eb="5">
      <t>カンケツテキ</t>
    </rPh>
    <rPh sb="5" eb="7">
      <t>シコウ</t>
    </rPh>
    <rPh sb="10" eb="12">
      <t>ヤカン</t>
    </rPh>
    <rPh sb="13" eb="16">
      <t>ケイゾクテキ</t>
    </rPh>
    <rPh sb="17" eb="19">
      <t>シコウ</t>
    </rPh>
    <rPh sb="22" eb="25">
      <t>イチニチジュウ</t>
    </rPh>
    <rPh sb="25" eb="27">
      <t>シコウ</t>
    </rPh>
    <rPh sb="30" eb="32">
      <t>ゲンザイ</t>
    </rPh>
    <rPh sb="33" eb="34">
      <t>ミ</t>
    </rPh>
    <rPh sb="34" eb="36">
      <t>シコウ</t>
    </rPh>
    <phoneticPr fontId="3"/>
  </si>
  <si>
    <t>離脱の見込み</t>
    <rPh sb="0" eb="2">
      <t>リダツ</t>
    </rPh>
    <rPh sb="3" eb="5">
      <t>ミコ</t>
    </rPh>
    <phoneticPr fontId="3"/>
  </si>
  <si>
    <t>１.あり　２.なし</t>
    <phoneticPr fontId="3"/>
  </si>
  <si>
    <t>医療機関名
医療機関所在地
　　　　　　　　　　　　　　　　　　　　　　　　　　　　　　　　　電話番号　　　　　（　　　　　　）
医師の氏名　　　　　　　　　　　　　　　　　印　　　　　　　記載年月日：平成　　　　年　　　　月　　　　日</t>
    <phoneticPr fontId="3"/>
  </si>
  <si>
    <t>１．特発性拡張型心筋症　　２．肥大型心筋症　　３．拘束型心筋症</t>
    <phoneticPr fontId="3"/>
  </si>
  <si>
    <t>　（人工呼吸器等装着者申請時添付書類）　</t>
    <rPh sb="13" eb="14">
      <t>ジ</t>
    </rPh>
    <rPh sb="14" eb="16">
      <t>テンプ</t>
    </rPh>
    <rPh sb="16" eb="18">
      <t>ショルイ</t>
    </rPh>
    <phoneticPr fontId="3"/>
  </si>
  <si>
    <t xml:space="preserve">
１．重症筋無力症　　　　２．筋萎縮性側索硬化症　　　　　　３．パーキンソン病　
４．ハンチントン病　　　５．多系統萎縮症　　　　　　　　　６．プリオン病　　　
７．亜急性硬化性全脳炎　８．ライソゾーム病　　　　　　　　９．脊髄性筋萎縮症　　
10．球脊髄性筋萎縮症　　11．慢性炎症性脱髄性多発神経炎　　12．リンパ脈管筋腫症(LAM)
13. その他（疾病名：　　　　　　　　　　　）
</t>
    <rPh sb="176" eb="177">
      <t>タ</t>
    </rPh>
    <rPh sb="178" eb="180">
      <t>シッペイ</t>
    </rPh>
    <rPh sb="180" eb="181">
      <t>メイ</t>
    </rPh>
    <phoneticPr fontId="3"/>
  </si>
  <si>
    <t>※人工呼吸器装着者とは、気管切開口を介した人工呼吸器を使用している者、鼻マスク又は顔マスクを介した人工呼吸器
  を使用している者をいう。</t>
    <rPh sb="3" eb="6">
      <t>コキュウキ</t>
    </rPh>
    <phoneticPr fontId="3"/>
  </si>
  <si>
    <r>
      <t>食事　　　　　　　　　　１．自立　　２．部分介助　　３．全介助　　　　　
椅子とベッド間の移動　　１．自立　　２．軽度の介助　　３．部分介助　　４．全介助
　</t>
    </r>
    <r>
      <rPr>
        <sz val="14"/>
        <color theme="1"/>
        <rFont val="ＭＳ 明朝"/>
        <family val="1"/>
        <charset val="128"/>
      </rPr>
      <t>※軽度の介助：軽度の部分介助又は監視を要する　
　　部分介助：座ることは可能であるがほぼ全介助　　　</t>
    </r>
    <r>
      <rPr>
        <sz val="16"/>
        <color theme="1"/>
        <rFont val="ＭＳ 明朝"/>
        <family val="1"/>
        <charset val="128"/>
      </rPr>
      <t>　　
整容　　　　　　　　　　１．自立　　２．部分介助　　３．全介助　　　　　
トイレ動作　　　　　　　１．自立　　２．部分介助　　３．全介助　　　　　
入浴　　　　　　　　　　１．自立　　２．部分介助　　３．全介助　　　　　
移動　　　　　　　　　　１．自立　　２．軽度の介助　　３．部分介助　　４．全介助　　　　　
　</t>
    </r>
    <r>
      <rPr>
        <sz val="14"/>
        <color theme="1"/>
        <rFont val="ＭＳ 明朝"/>
        <family val="1"/>
        <charset val="128"/>
      </rPr>
      <t>※軽度の介助：45m以上の介助歩行、歩行器の使用含む
　　部分介助：歩行不能の場合、車椅子にて45m以上の操作可能</t>
    </r>
    <r>
      <rPr>
        <sz val="16"/>
        <color theme="1"/>
        <rFont val="ＭＳ 明朝"/>
        <family val="1"/>
        <charset val="128"/>
      </rPr>
      <t xml:space="preserve">
階段昇降　　　　　　　　１．自立　　　２．部分介助　　　３．全介助　　　　　
更衣　　　　　　　　　　１．自立　　　２．部分介助　　　３．全介助　　　　　
排便コントロール　　　　１．自立　　　２．部分介助　　　３．全介助　　　　　
排尿コントロール　　　　１．自立　　　２．部分介助　　　３．全介助　　　　</t>
    </r>
    <rPh sb="57" eb="59">
      <t>ケイド</t>
    </rPh>
    <rPh sb="66" eb="68">
      <t>ブブン</t>
    </rPh>
    <rPh sb="68" eb="70">
      <t>カイジョ</t>
    </rPh>
    <rPh sb="80" eb="82">
      <t>ケイド</t>
    </rPh>
    <rPh sb="83" eb="85">
      <t>カイジョ</t>
    </rPh>
    <rPh sb="86" eb="88">
      <t>ケイド</t>
    </rPh>
    <rPh sb="89" eb="91">
      <t>ブブン</t>
    </rPh>
    <rPh sb="91" eb="93">
      <t>カイジョ</t>
    </rPh>
    <rPh sb="93" eb="94">
      <t>マタ</t>
    </rPh>
    <rPh sb="95" eb="97">
      <t>カンシ</t>
    </rPh>
    <rPh sb="98" eb="99">
      <t>ヨウ</t>
    </rPh>
    <rPh sb="105" eb="107">
      <t>ブブン</t>
    </rPh>
    <rPh sb="107" eb="109">
      <t>カイジョ</t>
    </rPh>
    <rPh sb="110" eb="111">
      <t>スワ</t>
    </rPh>
    <rPh sb="115" eb="117">
      <t>カノウ</t>
    </rPh>
    <rPh sb="263" eb="265">
      <t>ケイド</t>
    </rPh>
    <rPh sb="272" eb="274">
      <t>ブブン</t>
    </rPh>
    <rPh sb="274" eb="276">
      <t>カイジョ</t>
    </rPh>
    <rPh sb="291" eb="293">
      <t>ケイド</t>
    </rPh>
    <rPh sb="294" eb="296">
      <t>カイジョ</t>
    </rPh>
    <rPh sb="300" eb="302">
      <t>イジョウ</t>
    </rPh>
    <rPh sb="303" eb="305">
      <t>カイジョ</t>
    </rPh>
    <rPh sb="305" eb="307">
      <t>ホコウ</t>
    </rPh>
    <rPh sb="308" eb="311">
      <t>ホコウキ</t>
    </rPh>
    <rPh sb="312" eb="314">
      <t>シヨウ</t>
    </rPh>
    <rPh sb="314" eb="315">
      <t>フク</t>
    </rPh>
    <rPh sb="324" eb="326">
      <t>ホコウ</t>
    </rPh>
    <rPh sb="326" eb="328">
      <t>フノウ</t>
    </rPh>
    <rPh sb="329" eb="331">
      <t>バアイ</t>
    </rPh>
    <rPh sb="332" eb="335">
      <t>クルマイス</t>
    </rPh>
    <rPh sb="340" eb="342">
      <t>イジョウ</t>
    </rPh>
    <rPh sb="343" eb="345">
      <t>ソウサ</t>
    </rPh>
    <rPh sb="345" eb="347">
      <t>カノウ</t>
    </rPh>
    <phoneticPr fontId="3"/>
  </si>
  <si>
    <r>
      <t>※</t>
    </r>
    <r>
      <rPr>
        <b/>
        <sz val="17.5"/>
        <color theme="1"/>
        <rFont val="ＭＳ ゴシック"/>
        <family val="3"/>
        <charset val="128"/>
      </rPr>
      <t xml:space="preserve">人工呼吸器、体外式補助人工心臓の使用の必要性が、医療受給者証に記載されている病名によって生じている
  場合に本診断書を提出してください。
※※当該診断書は、平成26年に、特定疾患治療研究事業の対象であった者が、平成27年１月から施行される
　｢難病の患者に対する医療等に関する法律｣に基づく医療費助成を申請する時にのみ必要となります。
　次回の更新時以降は、新しい臨床調査個人票の中に記載されるため、当該書類の提出は必要ありません。
</t>
    </r>
    <rPh sb="12" eb="14">
      <t>ジンコウ</t>
    </rPh>
    <rPh sb="56" eb="57">
      <t>ホン</t>
    </rPh>
    <rPh sb="57" eb="60">
      <t>シンダンショ</t>
    </rPh>
    <phoneticPr fontId="3"/>
  </si>
  <si>
    <r>
      <t xml:space="preserve">人工呼吸器
</t>
    </r>
    <r>
      <rPr>
        <b/>
        <sz val="16"/>
        <color theme="1"/>
        <rFont val="ＭＳ 明朝"/>
        <family val="1"/>
        <charset val="128"/>
      </rPr>
      <t>①を記載</t>
    </r>
    <r>
      <rPr>
        <sz val="16"/>
        <color theme="1"/>
        <rFont val="ＭＳ 明朝"/>
        <family val="1"/>
        <charset val="128"/>
      </rPr>
      <t xml:space="preserve">
</t>
    </r>
    <phoneticPr fontId="3"/>
  </si>
  <si>
    <r>
      <t xml:space="preserve">体外式補助人工心臓
</t>
    </r>
    <r>
      <rPr>
        <b/>
        <sz val="16"/>
        <color theme="1"/>
        <rFont val="ＭＳ 明朝"/>
        <family val="1"/>
        <charset val="128"/>
      </rPr>
      <t>②を記載</t>
    </r>
    <phoneticPr fontId="3"/>
  </si>
  <si>
    <t>１．気管切開口を介した人工呼吸器　２．鼻マスク又は顔マスクを介した人工呼吸器</t>
    <phoneticPr fontId="3"/>
  </si>
  <si>
    <t>医療受給者証に記載されている疾病名</t>
    <rPh sb="0" eb="2">
      <t>イリョウ</t>
    </rPh>
    <rPh sb="14" eb="16">
      <t>シッペイ</t>
    </rPh>
    <rPh sb="16" eb="17">
      <t>メイ</t>
    </rPh>
    <phoneticPr fontId="3"/>
  </si>
  <si>
    <t>人工呼吸器</t>
    <phoneticPr fontId="3"/>
  </si>
  <si>
    <t>体外式補助人工心臓等</t>
    <rPh sb="9" eb="10">
      <t>トウ</t>
    </rPh>
    <phoneticPr fontId="3"/>
  </si>
  <si>
    <t>　１.　あり　　２.　なし</t>
    <phoneticPr fontId="3"/>
  </si>
  <si>
    <t>②体外式補助人工心臓等の使用について</t>
    <rPh sb="1" eb="4">
      <t>タイガイシキ</t>
    </rPh>
    <rPh sb="4" eb="6">
      <t>ホジョ</t>
    </rPh>
    <rPh sb="6" eb="8">
      <t>ジンコウ</t>
    </rPh>
    <rPh sb="8" eb="10">
      <t>シンゾウ</t>
    </rPh>
    <rPh sb="10" eb="11">
      <t>トウ</t>
    </rPh>
    <rPh sb="12" eb="14">
      <t>シヨウ</t>
    </rPh>
    <phoneticPr fontId="3"/>
  </si>
  <si>
    <t>体外式補助人工心臓等の装着の有無</t>
    <rPh sb="0" eb="3">
      <t>タイガイシキ</t>
    </rPh>
    <rPh sb="3" eb="5">
      <t>ホジョ</t>
    </rPh>
    <rPh sb="5" eb="7">
      <t>ジンコウ</t>
    </rPh>
    <rPh sb="7" eb="9">
      <t>シンゾウ</t>
    </rPh>
    <rPh sb="9" eb="10">
      <t>トウ</t>
    </rPh>
    <rPh sb="11" eb="13">
      <t>ソウチャク</t>
    </rPh>
    <rPh sb="14" eb="16">
      <t>ウム</t>
    </rPh>
    <phoneticPr fontId="3"/>
  </si>
  <si>
    <t>③生活状況等の評価について</t>
    <rPh sb="1" eb="3">
      <t>セイカツ</t>
    </rPh>
    <rPh sb="3" eb="5">
      <t>ジョウキョウ</t>
    </rPh>
    <rPh sb="5" eb="6">
      <t>トウ</t>
    </rPh>
    <rPh sb="7" eb="9">
      <t>ヒョウカ</t>
    </rPh>
    <phoneticPr fontId="3"/>
  </si>
  <si>
    <t>生活状況の評価</t>
    <rPh sb="0" eb="2">
      <t>セイカツ</t>
    </rPh>
    <rPh sb="2" eb="4">
      <t>ジョウキョウ</t>
    </rPh>
    <rPh sb="5" eb="7">
      <t>ヒョウカ</t>
    </rPh>
    <phoneticPr fontId="3"/>
  </si>
  <si>
    <t xml:space="preserve"> ○食事                    １．自立    ２．部分介助  ３．全介助
 ○更衣                    １．自立    ２．部分介助  ３．全介助
 ○移乗(※)・屋内での移動  １．自立    ２．部分介助  ３．全介助
 ○屋外での移動         　 １．自立    ２．部分介助  ３．全介助
 ※移乗：ベッドから椅子、車椅子への移動
 【評価基準】
 １．自立　　　　補装具の使用の有無にかかわらず、通常の発達相当に実施できる
 ２．部分解除　　１．自立と３．全介助の間
 ３．全 介 助　　本人のみでは実施することが困難で、実施のためには全般に介助が必要な状態
</t>
    <rPh sb="36" eb="38">
      <t>カイジョ</t>
    </rPh>
    <rPh sb="82" eb="84">
      <t>カイジョ</t>
    </rPh>
    <rPh sb="120" eb="122">
      <t>カイジョ</t>
    </rPh>
    <rPh sb="161" eb="163">
      <t>カイジョ</t>
    </rPh>
    <rPh sb="197" eb="199">
      <t>ヒョウカ</t>
    </rPh>
    <rPh sb="199" eb="201">
      <t>キジュン</t>
    </rPh>
    <rPh sb="274" eb="276">
      <t>ホンニン</t>
    </rPh>
    <rPh sb="291" eb="293">
      <t>ジッシ</t>
    </rPh>
    <rPh sb="298" eb="300">
      <t>ゼンパン</t>
    </rPh>
    <rPh sb="301" eb="303">
      <t>カイジョ</t>
    </rPh>
    <rPh sb="307" eb="309">
      <t>ジョウタイ</t>
    </rPh>
    <phoneticPr fontId="3"/>
  </si>
  <si>
    <t>様式第４号</t>
    <rPh sb="0" eb="2">
      <t>ヨウシキ</t>
    </rPh>
    <rPh sb="2" eb="3">
      <t>ダイ</t>
    </rPh>
    <rPh sb="4" eb="5">
      <t>ゴウ</t>
    </rPh>
    <phoneticPr fontId="3"/>
  </si>
  <si>
    <t>　　　   　年 　　月　　 日生（満　 　歳）</t>
    <rPh sb="7" eb="8">
      <t>トシ</t>
    </rPh>
    <rPh sb="11" eb="12">
      <t>ツキ</t>
    </rPh>
    <rPh sb="15" eb="17">
      <t>ヒナセ</t>
    </rPh>
    <rPh sb="18" eb="19">
      <t>ミツル</t>
    </rPh>
    <rPh sb="22" eb="23">
      <t>トシ</t>
    </rPh>
    <phoneticPr fontId="3"/>
  </si>
  <si>
    <t>医療機関名
医療機関所在地
　　　　　　　　　　　　　　　　　　　　　　　　　　　　　　電話番号　　　　
医師の氏名　　　　　　　　　　　　　　　　　印　　　　　　　記載年月日：　　　　　　年　　　　月　　　　日</t>
    <phoneticPr fontId="3"/>
  </si>
  <si>
    <t>　（人工呼吸器等装着者証明書）　</t>
    <rPh sb="11" eb="14">
      <t>ショウメイショ</t>
    </rPh>
    <phoneticPr fontId="3"/>
  </si>
  <si>
    <t>注）人工呼吸器の欄に疾病名を記入の場合は下記①・③に記入。体外式補助人工心臓等の欄に疾病名を記入の場合は下記②・③に記入。</t>
    <rPh sb="0" eb="1">
      <t>チュウ</t>
    </rPh>
    <rPh sb="2" eb="4">
      <t>ジンコウ</t>
    </rPh>
    <rPh sb="4" eb="7">
      <t>コキュウキ</t>
    </rPh>
    <rPh sb="8" eb="9">
      <t>ラン</t>
    </rPh>
    <rPh sb="10" eb="12">
      <t>シッペイ</t>
    </rPh>
    <rPh sb="12" eb="13">
      <t>メイ</t>
    </rPh>
    <rPh sb="14" eb="16">
      <t>キニュウ</t>
    </rPh>
    <rPh sb="17" eb="19">
      <t>バアイ</t>
    </rPh>
    <rPh sb="20" eb="22">
      <t>カキ</t>
    </rPh>
    <rPh sb="26" eb="28">
      <t>キニュウ</t>
    </rPh>
    <rPh sb="29" eb="32">
      <t>タイガイシキ</t>
    </rPh>
    <rPh sb="32" eb="34">
      <t>ホジョ</t>
    </rPh>
    <rPh sb="34" eb="36">
      <t>ジンコウ</t>
    </rPh>
    <rPh sb="36" eb="38">
      <t>シンゾウ</t>
    </rPh>
    <rPh sb="38" eb="39">
      <t>トウ</t>
    </rPh>
    <rPh sb="40" eb="41">
      <t>ラン</t>
    </rPh>
    <rPh sb="42" eb="44">
      <t>シッペイ</t>
    </rPh>
    <rPh sb="44" eb="45">
      <t>メイ</t>
    </rPh>
    <rPh sb="46" eb="48">
      <t>キニュウ</t>
    </rPh>
    <rPh sb="49" eb="51">
      <t>バアイ</t>
    </rPh>
    <rPh sb="52" eb="54">
      <t>カキ</t>
    </rPh>
    <rPh sb="58" eb="60">
      <t>キニュウ</t>
    </rPh>
    <phoneticPr fontId="3"/>
  </si>
  <si>
    <t xml:space="preserve">  １.　あり（　　　　　年　　月から）　　２.　なし</t>
    <phoneticPr fontId="3"/>
  </si>
  <si>
    <t>人工呼吸器の使用方法（注２）</t>
    <rPh sb="0" eb="2">
      <t>ジンコウ</t>
    </rPh>
    <rPh sb="2" eb="5">
      <t>コキュウキ</t>
    </rPh>
    <rPh sb="6" eb="8">
      <t>シヨウ</t>
    </rPh>
    <rPh sb="8" eb="10">
      <t>ホウホウ</t>
    </rPh>
    <rPh sb="11" eb="12">
      <t>チュウ</t>
    </rPh>
    <phoneticPr fontId="3"/>
  </si>
  <si>
    <t>　１．気管チューブを介した人工呼吸器使用　２．鼻マスク又は顔マスクを介した人工呼吸器使用</t>
    <rPh sb="18" eb="20">
      <t>シヨウ</t>
    </rPh>
    <rPh sb="42" eb="44">
      <t>シヨウ</t>
    </rPh>
    <phoneticPr fontId="3"/>
  </si>
  <si>
    <t>施行状況（注３）</t>
    <rPh sb="0" eb="2">
      <t>セコウ</t>
    </rPh>
    <rPh sb="2" eb="4">
      <t>ジョウキョウ</t>
    </rPh>
    <rPh sb="5" eb="6">
      <t>チュウ</t>
    </rPh>
    <phoneticPr fontId="3"/>
  </si>
  <si>
    <t>　１．継続的に施行　 　２．断続的に施行　 　３．未施行</t>
    <rPh sb="3" eb="6">
      <t>ケイゾクテキ</t>
    </rPh>
    <rPh sb="7" eb="9">
      <t>シコウ</t>
    </rPh>
    <rPh sb="14" eb="17">
      <t>ダンゾクテキ</t>
    </rPh>
    <rPh sb="18" eb="20">
      <t>シコウ</t>
    </rPh>
    <phoneticPr fontId="3"/>
  </si>
  <si>
    <t>概ね１年以内に離脱の見込み</t>
    <rPh sb="0" eb="1">
      <t>オオム</t>
    </rPh>
    <rPh sb="3" eb="4">
      <t>ネン</t>
    </rPh>
    <rPh sb="4" eb="6">
      <t>イナイ</t>
    </rPh>
    <rPh sb="7" eb="9">
      <t>リダツ</t>
    </rPh>
    <rPh sb="10" eb="12">
      <t>ミコ</t>
    </rPh>
    <phoneticPr fontId="3"/>
  </si>
  <si>
    <t>（注１）人工呼吸器装着者とは、気管チューブを介して人工呼吸器を使用している者、鼻マスク又は顔マスクを介して人工呼吸器を使用している者をいう。
（注２）気管チューブとは口、鼻及び気管切開口を介して気管内に留置するチューブ・カニューラをいう。
（注３）「継続的に施行」とは、連日おおよそ24時間継続して装着していることをいう。</t>
    <rPh sb="1" eb="2">
      <t>チュウ</t>
    </rPh>
    <rPh sb="15" eb="17">
      <t>キカン</t>
    </rPh>
    <rPh sb="22" eb="23">
      <t>カイ</t>
    </rPh>
    <rPh sb="72" eb="73">
      <t>チュウ</t>
    </rPh>
    <rPh sb="75" eb="77">
      <t>キカン</t>
    </rPh>
    <rPh sb="83" eb="84">
      <t>クチ</t>
    </rPh>
    <rPh sb="85" eb="86">
      <t>ハナ</t>
    </rPh>
    <rPh sb="86" eb="87">
      <t>オヨ</t>
    </rPh>
    <rPh sb="88" eb="90">
      <t>キカン</t>
    </rPh>
    <rPh sb="90" eb="92">
      <t>セッカイ</t>
    </rPh>
    <rPh sb="92" eb="93">
      <t>クチ</t>
    </rPh>
    <rPh sb="101" eb="103">
      <t>リュウチ</t>
    </rPh>
    <rPh sb="121" eb="122">
      <t>チュウ</t>
    </rPh>
    <rPh sb="125" eb="128">
      <t>ケイゾクテキ</t>
    </rPh>
    <rPh sb="129" eb="131">
      <t>シコウ</t>
    </rPh>
    <rPh sb="135" eb="137">
      <t>レンジツ</t>
    </rPh>
    <rPh sb="143" eb="145">
      <t>ジカン</t>
    </rPh>
    <rPh sb="145" eb="147">
      <t>ケイゾク</t>
    </rPh>
    <rPh sb="149" eb="151">
      <t>ソウチャク</t>
    </rPh>
    <phoneticPr fontId="3"/>
  </si>
  <si>
    <t>（注４）体外式補助人工心臓等とは、体外式補助人工心臓及び埋込式補助人工心臓をいう。
（注５）「継続的に施行」とは、連日おおよそ24時間継続して装着していることをいう。</t>
    <rPh sb="1" eb="2">
      <t>チュウ</t>
    </rPh>
    <rPh sb="4" eb="6">
      <t>タイガイ</t>
    </rPh>
    <rPh sb="6" eb="7">
      <t>シキ</t>
    </rPh>
    <rPh sb="7" eb="9">
      <t>ホジョ</t>
    </rPh>
    <rPh sb="9" eb="11">
      <t>ジンコウ</t>
    </rPh>
    <rPh sb="11" eb="13">
      <t>シンゾウ</t>
    </rPh>
    <rPh sb="13" eb="14">
      <t>トウ</t>
    </rPh>
    <rPh sb="17" eb="19">
      <t>タイガイ</t>
    </rPh>
    <rPh sb="19" eb="20">
      <t>シキ</t>
    </rPh>
    <rPh sb="20" eb="22">
      <t>ホジョ</t>
    </rPh>
    <rPh sb="22" eb="24">
      <t>ジンコウ</t>
    </rPh>
    <rPh sb="24" eb="26">
      <t>シンゾウ</t>
    </rPh>
    <rPh sb="26" eb="27">
      <t>オヨ</t>
    </rPh>
    <rPh sb="28" eb="30">
      <t>ウメコミ</t>
    </rPh>
    <rPh sb="30" eb="31">
      <t>シキ</t>
    </rPh>
    <rPh sb="31" eb="33">
      <t>ホジョ</t>
    </rPh>
    <rPh sb="33" eb="35">
      <t>ジンコウ</t>
    </rPh>
    <rPh sb="35" eb="37">
      <t>シンゾウ</t>
    </rPh>
    <rPh sb="43" eb="44">
      <t>チュウ</t>
    </rPh>
    <phoneticPr fontId="3"/>
  </si>
  <si>
    <t>体外式補助人工心臓等の装着の種類（注４）</t>
    <rPh sb="0" eb="3">
      <t>タイガイシキ</t>
    </rPh>
    <rPh sb="3" eb="5">
      <t>ホジョ</t>
    </rPh>
    <rPh sb="5" eb="7">
      <t>ジンコウ</t>
    </rPh>
    <rPh sb="7" eb="9">
      <t>シンゾウ</t>
    </rPh>
    <rPh sb="9" eb="10">
      <t>トウ</t>
    </rPh>
    <rPh sb="11" eb="13">
      <t>ソウチャク</t>
    </rPh>
    <rPh sb="14" eb="16">
      <t>シュルイ</t>
    </rPh>
    <rPh sb="17" eb="18">
      <t>チュウ</t>
    </rPh>
    <phoneticPr fontId="3"/>
  </si>
  <si>
    <t>　１．体外式補助人工心臓　２．埋込式補助人工心臓</t>
    <rPh sb="3" eb="5">
      <t>タイガイ</t>
    </rPh>
    <rPh sb="5" eb="6">
      <t>シキ</t>
    </rPh>
    <rPh sb="6" eb="8">
      <t>ホジョ</t>
    </rPh>
    <rPh sb="8" eb="10">
      <t>ジンコウ</t>
    </rPh>
    <rPh sb="10" eb="12">
      <t>シンゾウ</t>
    </rPh>
    <rPh sb="15" eb="17">
      <t>ウメコミ</t>
    </rPh>
    <rPh sb="17" eb="18">
      <t>シキ</t>
    </rPh>
    <rPh sb="18" eb="20">
      <t>ホジョ</t>
    </rPh>
    <rPh sb="20" eb="22">
      <t>ジンコウ</t>
    </rPh>
    <rPh sb="22" eb="24">
      <t>シンゾウ</t>
    </rPh>
    <phoneticPr fontId="3"/>
  </si>
  <si>
    <t>施行状況（注５）</t>
    <rPh sb="0" eb="2">
      <t>セコウ</t>
    </rPh>
    <rPh sb="2" eb="4">
      <t>ジョウキョウ</t>
    </rPh>
    <rPh sb="5" eb="6">
      <t>チュウ</t>
    </rPh>
    <phoneticPr fontId="3"/>
  </si>
  <si>
    <t>※人工呼吸器、体外式補助人工心臓等の使用の必要性が認定されている疾病によって生じている場合に本証明書を提出してください。</t>
    <rPh sb="12" eb="14">
      <t>ジンコウ</t>
    </rPh>
    <rPh sb="16" eb="17">
      <t>トウ</t>
    </rPh>
    <rPh sb="25" eb="27">
      <t>ニンテイ</t>
    </rPh>
    <rPh sb="32" eb="34">
      <t>シッペイ</t>
    </rPh>
    <rPh sb="46" eb="47">
      <t>ホン</t>
    </rPh>
    <rPh sb="47" eb="50">
      <t>ショウメイショ</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6" formatCode="&quot;¥&quot;#,##0;[Red]&quot;¥&quot;\-#,##0"/>
    <numFmt numFmtId="176" formatCode="0_ "/>
  </numFmts>
  <fonts count="36"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6"/>
      <name val="ＭＳ Ｐゴシック"/>
      <family val="3"/>
      <charset val="128"/>
    </font>
    <font>
      <sz val="11"/>
      <name val="HG丸ｺﾞｼｯｸM-PRO"/>
      <family val="3"/>
      <charset val="128"/>
    </font>
    <font>
      <sz val="9"/>
      <name val="HG丸ｺﾞｼｯｸM-PRO"/>
      <family val="3"/>
      <charset val="128"/>
    </font>
    <font>
      <b/>
      <sz val="11"/>
      <name val="HG丸ｺﾞｼｯｸM-PRO"/>
      <family val="3"/>
      <charset val="128"/>
    </font>
    <font>
      <b/>
      <sz val="12"/>
      <name val="HG丸ｺﾞｼｯｸM-PRO"/>
      <family val="3"/>
      <charset val="128"/>
    </font>
    <font>
      <sz val="12"/>
      <name val="HG丸ｺﾞｼｯｸM-PRO"/>
      <family val="3"/>
      <charset val="128"/>
    </font>
    <font>
      <u/>
      <sz val="12"/>
      <name val="HG丸ｺﾞｼｯｸM-PRO"/>
      <family val="3"/>
      <charset val="128"/>
    </font>
    <font>
      <sz val="11"/>
      <color theme="1"/>
      <name val="ＭＳ Ｐゴシック"/>
      <family val="3"/>
      <charset val="128"/>
      <scheme val="minor"/>
    </font>
    <font>
      <sz val="20"/>
      <color theme="1"/>
      <name val="ＭＳ Ｐゴシック"/>
      <family val="3"/>
      <charset val="128"/>
      <scheme val="minor"/>
    </font>
    <font>
      <sz val="16"/>
      <color theme="1"/>
      <name val="ＭＳ Ｐゴシック"/>
      <family val="3"/>
      <charset val="128"/>
      <scheme val="minor"/>
    </font>
    <font>
      <sz val="9"/>
      <color indexed="8"/>
      <name val="ＭＳ 明朝"/>
      <family val="1"/>
      <charset val="128"/>
    </font>
    <font>
      <sz val="9"/>
      <name val="ＭＳ 明朝"/>
      <family val="1"/>
      <charset val="128"/>
    </font>
    <font>
      <sz val="11"/>
      <name val="ＭＳ Ｐゴシック"/>
      <family val="3"/>
      <charset val="128"/>
      <scheme val="minor"/>
    </font>
    <font>
      <sz val="9"/>
      <color indexed="10"/>
      <name val="ＭＳ 明朝"/>
      <family val="1"/>
      <charset val="128"/>
    </font>
    <font>
      <b/>
      <sz val="20"/>
      <color theme="1"/>
      <name val="ＭＳ 明朝"/>
      <family val="1"/>
      <charset val="128"/>
    </font>
    <font>
      <sz val="14"/>
      <color theme="1"/>
      <name val="ＭＳ 明朝"/>
      <family val="1"/>
      <charset val="128"/>
    </font>
    <font>
      <sz val="16"/>
      <color theme="1"/>
      <name val="ＭＳ 明朝"/>
      <family val="1"/>
      <charset val="128"/>
    </font>
    <font>
      <b/>
      <sz val="16"/>
      <color theme="1"/>
      <name val="ＭＳ 明朝"/>
      <family val="1"/>
      <charset val="128"/>
    </font>
    <font>
      <sz val="15.5"/>
      <color theme="1"/>
      <name val="ＭＳ 明朝"/>
      <family val="1"/>
      <charset val="128"/>
    </font>
    <font>
      <sz val="16"/>
      <color theme="1"/>
      <name val="ＭＳ Ｐゴシック"/>
      <family val="3"/>
      <charset val="128"/>
    </font>
    <font>
      <b/>
      <sz val="18"/>
      <color theme="1"/>
      <name val="ＭＳ ゴシック"/>
      <family val="3"/>
      <charset val="128"/>
    </font>
    <font>
      <b/>
      <sz val="17.5"/>
      <color theme="1"/>
      <name val="ＭＳ ゴシック"/>
      <family val="3"/>
      <charset val="128"/>
    </font>
    <font>
      <sz val="11"/>
      <color theme="1"/>
      <name val="HG丸ｺﾞｼｯｸM-PRO"/>
      <family val="3"/>
      <charset val="128"/>
    </font>
    <font>
      <u/>
      <sz val="12"/>
      <color rgb="FFFF0000"/>
      <name val="HG丸ｺﾞｼｯｸM-PRO"/>
      <family val="3"/>
      <charset val="128"/>
    </font>
    <font>
      <b/>
      <sz val="11"/>
      <color rgb="FFFF0000"/>
      <name val="HG丸ｺﾞｼｯｸM-PRO"/>
      <family val="3"/>
      <charset val="128"/>
    </font>
    <font>
      <sz val="14"/>
      <name val="ＭＳ 明朝"/>
      <family val="1"/>
      <charset val="128"/>
    </font>
    <font>
      <sz val="11"/>
      <color theme="1"/>
      <name val="ＭＳ 明朝"/>
      <family val="1"/>
      <charset val="128"/>
    </font>
    <font>
      <sz val="16"/>
      <name val="ＭＳ 明朝"/>
      <family val="1"/>
      <charset val="128"/>
    </font>
    <font>
      <b/>
      <sz val="18"/>
      <color theme="1"/>
      <name val="ＭＳ 明朝"/>
      <family val="1"/>
      <charset val="128"/>
    </font>
    <font>
      <b/>
      <sz val="26"/>
      <color theme="1"/>
      <name val="ＭＳ 明朝"/>
      <family val="1"/>
      <charset val="128"/>
    </font>
    <font>
      <sz val="26"/>
      <color theme="1"/>
      <name val="ＭＳ 明朝"/>
      <family val="1"/>
      <charset val="128"/>
    </font>
    <font>
      <sz val="20"/>
      <name val="ＭＳ 明朝"/>
      <family val="1"/>
      <charset val="128"/>
    </font>
    <font>
      <sz val="13"/>
      <name val="ＭＳ 明朝"/>
      <family val="1"/>
      <charset val="128"/>
    </font>
  </fonts>
  <fills count="3">
    <fill>
      <patternFill patternType="none"/>
    </fill>
    <fill>
      <patternFill patternType="gray125"/>
    </fill>
    <fill>
      <patternFill patternType="solid">
        <fgColor indexed="9"/>
        <bgColor indexed="64"/>
      </patternFill>
    </fill>
  </fills>
  <borders count="45">
    <border>
      <left/>
      <right/>
      <top/>
      <bottom/>
      <diagonal/>
    </border>
    <border>
      <left/>
      <right/>
      <top/>
      <bottom style="medium">
        <color indexed="64"/>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right/>
      <top style="thin">
        <color indexed="64"/>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style="medium">
        <color indexed="64"/>
      </left>
      <right/>
      <top style="medium">
        <color indexed="64"/>
      </top>
      <bottom/>
      <diagonal/>
    </border>
    <border>
      <left/>
      <right style="medium">
        <color indexed="64"/>
      </right>
      <top style="medium">
        <color indexed="64"/>
      </top>
      <bottom/>
      <diagonal/>
    </border>
    <border>
      <left/>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bottom/>
      <diagonal/>
    </border>
  </borders>
  <cellStyleXfs count="6">
    <xf numFmtId="0" fontId="0" fillId="0" borderId="0">
      <alignment vertical="center"/>
    </xf>
    <xf numFmtId="6" fontId="2" fillId="0" borderId="0" applyFont="0" applyFill="0" applyBorder="0" applyAlignment="0" applyProtection="0">
      <alignment vertical="center"/>
    </xf>
    <xf numFmtId="0" fontId="10" fillId="0" borderId="0">
      <alignment vertical="center"/>
    </xf>
    <xf numFmtId="0" fontId="1" fillId="0" borderId="0">
      <alignment vertical="center"/>
    </xf>
    <xf numFmtId="0" fontId="2" fillId="0" borderId="0">
      <alignment vertical="center"/>
    </xf>
    <xf numFmtId="6" fontId="2" fillId="0" borderId="0" applyFont="0" applyFill="0" applyBorder="0" applyAlignment="0" applyProtection="0">
      <alignment vertical="center"/>
    </xf>
  </cellStyleXfs>
  <cellXfs count="166">
    <xf numFmtId="0" fontId="0" fillId="0" borderId="0" xfId="0">
      <alignment vertical="center"/>
    </xf>
    <xf numFmtId="0" fontId="4" fillId="0" borderId="0" xfId="0" applyFont="1">
      <alignment vertical="center"/>
    </xf>
    <xf numFmtId="0" fontId="8" fillId="2" borderId="0" xfId="0" applyFont="1" applyFill="1">
      <alignment vertical="center"/>
    </xf>
    <xf numFmtId="0" fontId="9" fillId="0" borderId="0" xfId="0" applyFont="1" applyAlignment="1">
      <alignment vertical="center"/>
    </xf>
    <xf numFmtId="0" fontId="10" fillId="0" borderId="0" xfId="2">
      <alignment vertical="center"/>
    </xf>
    <xf numFmtId="0" fontId="10" fillId="0" borderId="0" xfId="2" applyBorder="1">
      <alignment vertical="center"/>
    </xf>
    <xf numFmtId="0" fontId="13" fillId="0" borderId="0" xfId="2" applyFont="1" applyBorder="1" applyAlignment="1">
      <alignment vertical="center" wrapText="1"/>
    </xf>
    <xf numFmtId="0" fontId="13" fillId="0" borderId="0" xfId="2" applyFont="1" applyBorder="1" applyAlignment="1">
      <alignment vertical="center"/>
    </xf>
    <xf numFmtId="0" fontId="10" fillId="0" borderId="0" xfId="2" applyAlignment="1">
      <alignment vertical="center"/>
    </xf>
    <xf numFmtId="0" fontId="10" fillId="0" borderId="0" xfId="2" applyBorder="1" applyAlignment="1">
      <alignment vertical="center"/>
    </xf>
    <xf numFmtId="0" fontId="14" fillId="0" borderId="0" xfId="2" applyFont="1" applyBorder="1" applyAlignment="1">
      <alignment horizontal="left" vertical="center"/>
    </xf>
    <xf numFmtId="0" fontId="15" fillId="0" borderId="0" xfId="2" applyFont="1">
      <alignment vertical="center"/>
    </xf>
    <xf numFmtId="0" fontId="13" fillId="0" borderId="0" xfId="2" applyFont="1" applyBorder="1">
      <alignment vertical="center"/>
    </xf>
    <xf numFmtId="0" fontId="16" fillId="0" borderId="0" xfId="2" applyFont="1" applyFill="1" applyBorder="1" applyAlignment="1">
      <alignment vertical="center"/>
    </xf>
    <xf numFmtId="0" fontId="14" fillId="0" borderId="0" xfId="2" applyFont="1" applyBorder="1" applyAlignment="1">
      <alignment vertical="center"/>
    </xf>
    <xf numFmtId="0" fontId="2" fillId="0" borderId="0" xfId="2" applyFont="1" applyBorder="1" applyAlignment="1">
      <alignment vertical="center"/>
    </xf>
    <xf numFmtId="0" fontId="10" fillId="0" borderId="0" xfId="2" applyFont="1">
      <alignment vertical="center"/>
    </xf>
    <xf numFmtId="0" fontId="18" fillId="0" borderId="36" xfId="2" applyFont="1" applyBorder="1">
      <alignment vertical="center"/>
    </xf>
    <xf numFmtId="0" fontId="19" fillId="0" borderId="34" xfId="2" applyFont="1" applyBorder="1">
      <alignment vertical="center"/>
    </xf>
    <xf numFmtId="0" fontId="19" fillId="0" borderId="13" xfId="2" applyFont="1" applyBorder="1" applyAlignment="1">
      <alignment horizontal="left" vertical="center" wrapText="1"/>
    </xf>
    <xf numFmtId="0" fontId="19" fillId="0" borderId="37" xfId="2" applyFont="1" applyBorder="1" applyAlignment="1">
      <alignment horizontal="left" vertical="center" wrapText="1"/>
    </xf>
    <xf numFmtId="0" fontId="19" fillId="0" borderId="29" xfId="2" applyFont="1" applyBorder="1" applyAlignment="1">
      <alignment vertical="center"/>
    </xf>
    <xf numFmtId="0" fontId="19" fillId="0" borderId="5" xfId="2" applyFont="1" applyBorder="1" applyAlignment="1">
      <alignment vertical="center"/>
    </xf>
    <xf numFmtId="0" fontId="25" fillId="0" borderId="0" xfId="0" applyFont="1">
      <alignment vertical="center"/>
    </xf>
    <xf numFmtId="0" fontId="26" fillId="0" borderId="0" xfId="0" applyFont="1" applyAlignment="1">
      <alignment vertical="center"/>
    </xf>
    <xf numFmtId="0" fontId="27" fillId="0" borderId="0" xfId="0" applyFont="1" applyAlignment="1">
      <alignment horizontal="center" vertical="center"/>
    </xf>
    <xf numFmtId="0" fontId="7" fillId="0" borderId="0" xfId="0" applyFont="1" applyAlignment="1">
      <alignment horizontal="center" vertical="center"/>
    </xf>
    <xf numFmtId="0" fontId="6" fillId="0" borderId="0" xfId="0" applyFont="1" applyAlignment="1">
      <alignment horizontal="center" vertical="center"/>
    </xf>
    <xf numFmtId="0" fontId="4" fillId="0" borderId="0" xfId="0" applyFont="1" applyBorder="1" applyAlignment="1">
      <alignment horizontal="center" vertical="center"/>
    </xf>
    <xf numFmtId="0" fontId="4" fillId="0" borderId="0" xfId="0" applyFont="1" applyBorder="1" applyAlignment="1">
      <alignment vertical="center" textRotation="255"/>
    </xf>
    <xf numFmtId="0" fontId="4" fillId="0" borderId="0" xfId="0" applyFont="1" applyBorder="1" applyAlignment="1">
      <alignment horizontal="center" vertical="center" wrapText="1"/>
    </xf>
    <xf numFmtId="0" fontId="7" fillId="0" borderId="0" xfId="0" applyFont="1" applyAlignment="1">
      <alignment vertical="center"/>
    </xf>
    <xf numFmtId="0" fontId="6" fillId="0" borderId="0" xfId="0" applyFont="1" applyAlignment="1">
      <alignment vertical="center"/>
    </xf>
    <xf numFmtId="0" fontId="4" fillId="0" borderId="0" xfId="0" applyFont="1" applyAlignment="1">
      <alignment vertical="center"/>
    </xf>
    <xf numFmtId="0" fontId="4" fillId="0" borderId="0" xfId="0" applyFont="1" applyAlignment="1">
      <alignment vertical="center" wrapText="1"/>
    </xf>
    <xf numFmtId="0" fontId="4" fillId="0" borderId="0" xfId="0" applyFont="1" applyBorder="1" applyAlignment="1">
      <alignment vertical="center"/>
    </xf>
    <xf numFmtId="0" fontId="4" fillId="0" borderId="0" xfId="1" applyNumberFormat="1" applyFont="1" applyBorder="1" applyAlignment="1">
      <alignment vertical="center"/>
    </xf>
    <xf numFmtId="0" fontId="5" fillId="0" borderId="0" xfId="0" applyFont="1" applyBorder="1" applyAlignment="1">
      <alignment vertical="center" wrapText="1"/>
    </xf>
    <xf numFmtId="0" fontId="4" fillId="0" borderId="0" xfId="0" applyFont="1" applyBorder="1" applyAlignment="1">
      <alignment vertical="center" wrapText="1"/>
    </xf>
    <xf numFmtId="0" fontId="29" fillId="0" borderId="0" xfId="2" applyFont="1">
      <alignment vertical="center"/>
    </xf>
    <xf numFmtId="0" fontId="14" fillId="0" borderId="0" xfId="2" applyFont="1" applyBorder="1" applyAlignment="1">
      <alignment vertical="center"/>
    </xf>
    <xf numFmtId="0" fontId="2" fillId="0" borderId="0" xfId="2" applyFont="1" applyBorder="1" applyAlignment="1">
      <alignment vertical="center"/>
    </xf>
    <xf numFmtId="0" fontId="19" fillId="0" borderId="13" xfId="2" applyFont="1" applyBorder="1" applyAlignment="1">
      <alignment horizontal="left" vertical="center" wrapText="1"/>
    </xf>
    <xf numFmtId="0" fontId="18" fillId="0" borderId="36" xfId="2" applyFont="1" applyBorder="1" applyAlignment="1">
      <alignment horizontal="center" vertical="center"/>
    </xf>
    <xf numFmtId="0" fontId="19" fillId="0" borderId="34" xfId="2" applyFont="1" applyBorder="1" applyAlignment="1">
      <alignment horizontal="center" vertical="center"/>
    </xf>
    <xf numFmtId="0" fontId="19" fillId="0" borderId="20" xfId="2" applyFont="1" applyBorder="1" applyAlignment="1">
      <alignment vertical="center"/>
    </xf>
    <xf numFmtId="0" fontId="19" fillId="0" borderId="21" xfId="2" applyFont="1" applyBorder="1" applyAlignment="1">
      <alignment vertical="center"/>
    </xf>
    <xf numFmtId="0" fontId="19" fillId="0" borderId="6" xfId="2" applyFont="1" applyBorder="1" applyAlignment="1">
      <alignment horizontal="left" vertical="center" wrapText="1"/>
    </xf>
    <xf numFmtId="0" fontId="10" fillId="0" borderId="0" xfId="2" applyFont="1" applyAlignment="1">
      <alignment horizontal="center" vertical="center"/>
    </xf>
    <xf numFmtId="0" fontId="17" fillId="0" borderId="1" xfId="2" applyFont="1" applyBorder="1" applyAlignment="1">
      <alignment horizontal="center" vertical="center"/>
    </xf>
    <xf numFmtId="0" fontId="11" fillId="0" borderId="1" xfId="2" applyFont="1" applyBorder="1" applyAlignment="1">
      <alignment horizontal="center" vertical="center"/>
    </xf>
    <xf numFmtId="0" fontId="18" fillId="0" borderId="39" xfId="2" applyFont="1" applyBorder="1" applyAlignment="1">
      <alignment vertical="center"/>
    </xf>
    <xf numFmtId="0" fontId="19" fillId="0" borderId="40" xfId="2" applyFont="1" applyBorder="1" applyAlignment="1">
      <alignment vertical="center"/>
    </xf>
    <xf numFmtId="0" fontId="19" fillId="0" borderId="7" xfId="2" applyFont="1" applyBorder="1" applyAlignment="1">
      <alignment vertical="center"/>
    </xf>
    <xf numFmtId="0" fontId="19" fillId="0" borderId="40" xfId="2" applyFont="1" applyBorder="1" applyAlignment="1">
      <alignment vertical="center" wrapText="1"/>
    </xf>
    <xf numFmtId="0" fontId="19" fillId="0" borderId="7" xfId="2" applyFont="1" applyBorder="1" applyAlignment="1">
      <alignment vertical="center" wrapText="1"/>
    </xf>
    <xf numFmtId="0" fontId="19" fillId="0" borderId="41" xfId="2" applyFont="1" applyBorder="1" applyAlignment="1">
      <alignment vertical="center" wrapText="1"/>
    </xf>
    <xf numFmtId="0" fontId="19" fillId="0" borderId="19" xfId="2" applyFont="1" applyBorder="1" applyAlignment="1">
      <alignment vertical="center"/>
    </xf>
    <xf numFmtId="0" fontId="19" fillId="0" borderId="8" xfId="2" applyFont="1" applyBorder="1" applyAlignment="1">
      <alignment vertical="center"/>
    </xf>
    <xf numFmtId="0" fontId="19" fillId="0" borderId="3" xfId="2" applyFont="1" applyBorder="1" applyAlignment="1">
      <alignment vertical="center"/>
    </xf>
    <xf numFmtId="0" fontId="19" fillId="0" borderId="39" xfId="2" applyFont="1" applyBorder="1" applyAlignment="1">
      <alignment vertical="center"/>
    </xf>
    <xf numFmtId="0" fontId="12" fillId="0" borderId="42" xfId="2" applyFont="1" applyBorder="1" applyAlignment="1">
      <alignment vertical="center"/>
    </xf>
    <xf numFmtId="0" fontId="19" fillId="0" borderId="13" xfId="2" applyFont="1" applyBorder="1" applyAlignment="1">
      <alignment vertical="center"/>
    </xf>
    <xf numFmtId="0" fontId="19" fillId="0" borderId="6" xfId="2" applyFont="1" applyBorder="1" applyAlignment="1">
      <alignment vertical="center"/>
    </xf>
    <xf numFmtId="0" fontId="12" fillId="0" borderId="33" xfId="2" applyFont="1" applyBorder="1" applyAlignment="1">
      <alignment vertical="center"/>
    </xf>
    <xf numFmtId="0" fontId="18" fillId="0" borderId="13" xfId="2" applyFont="1" applyBorder="1" applyAlignment="1">
      <alignment vertical="center"/>
    </xf>
    <xf numFmtId="0" fontId="19" fillId="0" borderId="20" xfId="2" applyFont="1" applyBorder="1" applyAlignment="1">
      <alignment vertical="center"/>
    </xf>
    <xf numFmtId="0" fontId="19" fillId="0" borderId="21" xfId="2" applyFont="1" applyBorder="1" applyAlignment="1">
      <alignment vertical="center"/>
    </xf>
    <xf numFmtId="0" fontId="19" fillId="0" borderId="22" xfId="2" applyFont="1" applyBorder="1" applyAlignment="1">
      <alignment horizontal="left" vertical="justify" wrapText="1"/>
    </xf>
    <xf numFmtId="0" fontId="12" fillId="0" borderId="23" xfId="2" applyFont="1" applyBorder="1" applyAlignment="1">
      <alignment horizontal="left" vertical="justify"/>
    </xf>
    <xf numFmtId="0" fontId="12" fillId="0" borderId="24" xfId="2" applyFont="1" applyBorder="1" applyAlignment="1">
      <alignment horizontal="left" vertical="justify"/>
    </xf>
    <xf numFmtId="0" fontId="19" fillId="0" borderId="27" xfId="2" applyFont="1" applyFill="1" applyBorder="1" applyAlignment="1">
      <alignment horizontal="left" vertical="center" wrapText="1"/>
    </xf>
    <xf numFmtId="0" fontId="19" fillId="0" borderId="43" xfId="2" applyFont="1" applyFill="1" applyBorder="1" applyAlignment="1">
      <alignment horizontal="left" vertical="center" wrapText="1"/>
    </xf>
    <xf numFmtId="0" fontId="19" fillId="0" borderId="25" xfId="2" applyFont="1" applyBorder="1" applyAlignment="1">
      <alignment horizontal="left" vertical="center" wrapText="1"/>
    </xf>
    <xf numFmtId="0" fontId="19" fillId="0" borderId="11" xfId="2" applyFont="1" applyBorder="1" applyAlignment="1">
      <alignment horizontal="left" vertical="center" wrapText="1"/>
    </xf>
    <xf numFmtId="0" fontId="19" fillId="0" borderId="26" xfId="2" applyFont="1" applyBorder="1" applyAlignment="1">
      <alignment horizontal="left" vertical="center" wrapText="1"/>
    </xf>
    <xf numFmtId="0" fontId="19" fillId="0" borderId="22" xfId="2" applyFont="1" applyBorder="1" applyAlignment="1">
      <alignment horizontal="left" vertical="center" wrapText="1"/>
    </xf>
    <xf numFmtId="0" fontId="19" fillId="0" borderId="23" xfId="2" applyFont="1" applyBorder="1" applyAlignment="1">
      <alignment horizontal="left" vertical="center" wrapText="1"/>
    </xf>
    <xf numFmtId="0" fontId="19" fillId="0" borderId="24" xfId="2" applyFont="1" applyBorder="1" applyAlignment="1">
      <alignment horizontal="left" vertical="center" wrapText="1"/>
    </xf>
    <xf numFmtId="0" fontId="20" fillId="0" borderId="30" xfId="2" applyFont="1" applyBorder="1" applyAlignment="1">
      <alignment horizontal="center" vertical="distributed"/>
    </xf>
    <xf numFmtId="0" fontId="20" fillId="0" borderId="19" xfId="2" applyFont="1" applyBorder="1" applyAlignment="1">
      <alignment horizontal="center" vertical="distributed"/>
    </xf>
    <xf numFmtId="0" fontId="20" fillId="0" borderId="31" xfId="2" applyFont="1" applyBorder="1" applyAlignment="1">
      <alignment horizontal="center" vertical="distributed"/>
    </xf>
    <xf numFmtId="0" fontId="21" fillId="0" borderId="2" xfId="2" applyFont="1" applyBorder="1" applyAlignment="1">
      <alignment horizontal="left" vertical="center" wrapText="1"/>
    </xf>
    <xf numFmtId="0" fontId="21" fillId="0" borderId="3" xfId="2" applyFont="1" applyBorder="1" applyAlignment="1">
      <alignment horizontal="left" vertical="center" wrapText="1"/>
    </xf>
    <xf numFmtId="0" fontId="21" fillId="0" borderId="4" xfId="2" applyFont="1" applyBorder="1" applyAlignment="1">
      <alignment horizontal="left" vertical="center" wrapText="1"/>
    </xf>
    <xf numFmtId="0" fontId="19" fillId="0" borderId="28" xfId="2" applyFont="1" applyBorder="1" applyAlignment="1">
      <alignment horizontal="left" vertical="center" wrapText="1"/>
    </xf>
    <xf numFmtId="0" fontId="19" fillId="0" borderId="12" xfId="2" applyFont="1" applyBorder="1" applyAlignment="1">
      <alignment horizontal="left" vertical="center" wrapText="1"/>
    </xf>
    <xf numFmtId="0" fontId="19" fillId="0" borderId="8" xfId="2" applyFont="1" applyBorder="1" applyAlignment="1">
      <alignment horizontal="left" vertical="center"/>
    </xf>
    <xf numFmtId="0" fontId="12" fillId="0" borderId="3" xfId="2" applyFont="1" applyBorder="1" applyAlignment="1">
      <alignment horizontal="left" vertical="center"/>
    </xf>
    <xf numFmtId="0" fontId="12" fillId="0" borderId="4" xfId="2" applyFont="1" applyBorder="1" applyAlignment="1">
      <alignment horizontal="left" vertical="center"/>
    </xf>
    <xf numFmtId="0" fontId="19" fillId="0" borderId="28" xfId="2" applyFont="1" applyBorder="1" applyAlignment="1">
      <alignment vertical="center"/>
    </xf>
    <xf numFmtId="0" fontId="19" fillId="0" borderId="12" xfId="2" applyFont="1" applyBorder="1" applyAlignment="1">
      <alignment vertical="center"/>
    </xf>
    <xf numFmtId="0" fontId="22" fillId="0" borderId="13" xfId="2" applyFont="1" applyBorder="1" applyAlignment="1">
      <alignment vertical="center"/>
    </xf>
    <xf numFmtId="0" fontId="19" fillId="0" borderId="25" xfId="2" applyFont="1" applyBorder="1" applyAlignment="1">
      <alignment horizontal="left" vertical="center"/>
    </xf>
    <xf numFmtId="0" fontId="19" fillId="0" borderId="11" xfId="2" applyFont="1" applyBorder="1" applyAlignment="1">
      <alignment horizontal="left" vertical="center"/>
    </xf>
    <xf numFmtId="0" fontId="19" fillId="0" borderId="26" xfId="2" applyFont="1" applyBorder="1" applyAlignment="1">
      <alignment horizontal="left" vertical="center"/>
    </xf>
    <xf numFmtId="0" fontId="14" fillId="0" borderId="0" xfId="2" applyFont="1" applyBorder="1" applyAlignment="1">
      <alignment vertical="center"/>
    </xf>
    <xf numFmtId="0" fontId="14" fillId="0" borderId="0" xfId="2" applyFont="1" applyAlignment="1">
      <alignment vertical="center" wrapText="1"/>
    </xf>
    <xf numFmtId="0" fontId="14" fillId="0" borderId="0" xfId="2" applyFont="1" applyFill="1" applyBorder="1" applyAlignment="1">
      <alignment vertical="center"/>
    </xf>
    <xf numFmtId="0" fontId="2" fillId="0" borderId="0" xfId="2" applyFont="1" applyBorder="1" applyAlignment="1">
      <alignment vertical="center"/>
    </xf>
    <xf numFmtId="0" fontId="13" fillId="0" borderId="0" xfId="2" applyFont="1" applyAlignment="1">
      <alignment vertical="center" wrapText="1"/>
    </xf>
    <xf numFmtId="0" fontId="13" fillId="0" borderId="0" xfId="2" applyFont="1" applyAlignment="1">
      <alignment vertical="center"/>
    </xf>
    <xf numFmtId="0" fontId="20" fillId="0" borderId="38" xfId="2" applyFont="1" applyBorder="1" applyAlignment="1">
      <alignment horizontal="center" vertical="center"/>
    </xf>
    <xf numFmtId="0" fontId="20" fillId="0" borderId="32" xfId="2" applyFont="1" applyBorder="1" applyAlignment="1">
      <alignment horizontal="center" vertical="center"/>
    </xf>
    <xf numFmtId="0" fontId="20" fillId="0" borderId="35" xfId="2" applyFont="1" applyBorder="1" applyAlignment="1">
      <alignment horizontal="center" vertical="center"/>
    </xf>
    <xf numFmtId="0" fontId="19" fillId="0" borderId="20" xfId="2" applyFont="1" applyBorder="1" applyAlignment="1">
      <alignment horizontal="left" vertical="center" wrapText="1"/>
    </xf>
    <xf numFmtId="0" fontId="19" fillId="0" borderId="21" xfId="2" applyFont="1" applyBorder="1" applyAlignment="1">
      <alignment horizontal="left" vertical="center" wrapText="1"/>
    </xf>
    <xf numFmtId="0" fontId="19" fillId="0" borderId="22" xfId="2" applyFont="1" applyBorder="1" applyAlignment="1">
      <alignment horizontal="left" vertical="center"/>
    </xf>
    <xf numFmtId="0" fontId="12" fillId="0" borderId="23" xfId="2" applyFont="1" applyBorder="1" applyAlignment="1">
      <alignment horizontal="left" vertical="center"/>
    </xf>
    <xf numFmtId="0" fontId="12" fillId="0" borderId="24" xfId="2" applyFont="1" applyBorder="1" applyAlignment="1">
      <alignment horizontal="left" vertical="center"/>
    </xf>
    <xf numFmtId="0" fontId="19" fillId="0" borderId="14" xfId="2" applyFont="1" applyBorder="1" applyAlignment="1">
      <alignment vertical="center" wrapText="1"/>
    </xf>
    <xf numFmtId="0" fontId="19" fillId="0" borderId="0" xfId="2" applyFont="1" applyBorder="1" applyAlignment="1">
      <alignment vertical="center" wrapText="1"/>
    </xf>
    <xf numFmtId="0" fontId="19" fillId="0" borderId="16" xfId="2" applyFont="1" applyBorder="1" applyAlignment="1">
      <alignment vertical="center" wrapText="1"/>
    </xf>
    <xf numFmtId="0" fontId="19" fillId="0" borderId="17" xfId="2" applyFont="1" applyBorder="1" applyAlignment="1">
      <alignment vertical="center" wrapText="1"/>
    </xf>
    <xf numFmtId="0" fontId="19" fillId="0" borderId="1" xfId="2" applyFont="1" applyBorder="1" applyAlignment="1">
      <alignment vertical="center" wrapText="1"/>
    </xf>
    <xf numFmtId="0" fontId="19" fillId="0" borderId="18" xfId="2" applyFont="1" applyBorder="1" applyAlignment="1">
      <alignment vertical="center" wrapText="1"/>
    </xf>
    <xf numFmtId="0" fontId="23" fillId="0" borderId="19" xfId="2" applyFont="1" applyBorder="1" applyAlignment="1">
      <alignment horizontal="left" vertical="center" wrapText="1"/>
    </xf>
    <xf numFmtId="0" fontId="23" fillId="0" borderId="0" xfId="2" applyFont="1" applyBorder="1" applyAlignment="1">
      <alignment horizontal="left" vertical="center" wrapText="1"/>
    </xf>
    <xf numFmtId="0" fontId="19" fillId="0" borderId="30" xfId="2" applyFont="1" applyBorder="1" applyAlignment="1">
      <alignment vertical="center" wrapText="1"/>
    </xf>
    <xf numFmtId="0" fontId="19" fillId="0" borderId="19" xfId="2" applyFont="1" applyBorder="1" applyAlignment="1">
      <alignment vertical="center" wrapText="1"/>
    </xf>
    <xf numFmtId="0" fontId="19" fillId="0" borderId="31" xfId="2" applyFont="1" applyBorder="1" applyAlignment="1">
      <alignment vertical="center" wrapText="1"/>
    </xf>
    <xf numFmtId="0" fontId="20" fillId="0" borderId="19" xfId="2" applyFont="1" applyBorder="1" applyAlignment="1">
      <alignment horizontal="left" vertical="center" wrapText="1"/>
    </xf>
    <xf numFmtId="0" fontId="31" fillId="0" borderId="19" xfId="2" applyFont="1" applyBorder="1" applyAlignment="1">
      <alignment horizontal="left" vertical="center" wrapText="1"/>
    </xf>
    <xf numFmtId="0" fontId="19" fillId="0" borderId="28" xfId="2" applyFont="1" applyBorder="1" applyAlignment="1">
      <alignment horizontal="left" vertical="center"/>
    </xf>
    <xf numFmtId="0" fontId="19" fillId="0" borderId="12" xfId="2" applyFont="1" applyBorder="1" applyAlignment="1">
      <alignment horizontal="left" vertical="center"/>
    </xf>
    <xf numFmtId="0" fontId="19" fillId="0" borderId="33" xfId="2" applyFont="1" applyBorder="1" applyAlignment="1">
      <alignment vertical="center"/>
    </xf>
    <xf numFmtId="0" fontId="19" fillId="0" borderId="23" xfId="2" applyFont="1" applyBorder="1" applyAlignment="1">
      <alignment horizontal="left" vertical="center"/>
    </xf>
    <xf numFmtId="0" fontId="19" fillId="0" borderId="24" xfId="2" applyFont="1" applyBorder="1" applyAlignment="1">
      <alignment horizontal="left" vertical="center"/>
    </xf>
    <xf numFmtId="0" fontId="20" fillId="0" borderId="30" xfId="2" applyFont="1" applyBorder="1" applyAlignment="1">
      <alignment horizontal="center" vertical="center" wrapText="1"/>
    </xf>
    <xf numFmtId="0" fontId="20" fillId="0" borderId="19" xfId="2" applyFont="1" applyBorder="1" applyAlignment="1">
      <alignment horizontal="center" vertical="center" wrapText="1"/>
    </xf>
    <xf numFmtId="0" fontId="20" fillId="0" borderId="31" xfId="2" applyFont="1" applyBorder="1" applyAlignment="1">
      <alignment horizontal="center" vertical="center" wrapText="1"/>
    </xf>
    <xf numFmtId="0" fontId="20" fillId="0" borderId="30" xfId="2" applyFont="1" applyBorder="1" applyAlignment="1">
      <alignment horizontal="center" vertical="center"/>
    </xf>
    <xf numFmtId="0" fontId="20" fillId="0" borderId="19" xfId="2" applyFont="1" applyBorder="1" applyAlignment="1">
      <alignment horizontal="center" vertical="center"/>
    </xf>
    <xf numFmtId="0" fontId="20" fillId="0" borderId="31" xfId="2" applyFont="1" applyBorder="1" applyAlignment="1">
      <alignment horizontal="center" vertical="center"/>
    </xf>
    <xf numFmtId="0" fontId="19" fillId="0" borderId="29" xfId="2" applyFont="1" applyBorder="1" applyAlignment="1">
      <alignment horizontal="left" vertical="center" wrapText="1"/>
    </xf>
    <xf numFmtId="0" fontId="19" fillId="0" borderId="5" xfId="2" applyFont="1" applyBorder="1" applyAlignment="1">
      <alignment horizontal="left" vertical="center" wrapText="1"/>
    </xf>
    <xf numFmtId="0" fontId="19" fillId="0" borderId="13" xfId="2" applyFont="1" applyBorder="1" applyAlignment="1">
      <alignment horizontal="left" vertical="center"/>
    </xf>
    <xf numFmtId="0" fontId="19" fillId="0" borderId="33" xfId="2" applyFont="1" applyBorder="1" applyAlignment="1">
      <alignment horizontal="left" vertical="center"/>
    </xf>
    <xf numFmtId="0" fontId="18" fillId="0" borderId="20" xfId="2" applyFont="1" applyBorder="1" applyAlignment="1">
      <alignment vertical="center"/>
    </xf>
    <xf numFmtId="0" fontId="18" fillId="0" borderId="21" xfId="2" applyFont="1" applyBorder="1" applyAlignment="1">
      <alignment vertical="center"/>
    </xf>
    <xf numFmtId="176" fontId="35" fillId="0" borderId="3" xfId="2" applyNumberFormat="1" applyFont="1" applyFill="1" applyBorder="1" applyAlignment="1">
      <alignment horizontal="left" vertical="center" shrinkToFit="1"/>
    </xf>
    <xf numFmtId="0" fontId="19" fillId="0" borderId="44" xfId="2" applyFont="1" applyFill="1" applyBorder="1" applyAlignment="1">
      <alignment horizontal="left" vertical="center" wrapText="1"/>
    </xf>
    <xf numFmtId="0" fontId="19" fillId="0" borderId="9" xfId="2" applyFont="1" applyBorder="1" applyAlignment="1">
      <alignment horizontal="left" vertical="center" wrapText="1"/>
    </xf>
    <xf numFmtId="0" fontId="19" fillId="0" borderId="15" xfId="2" applyFont="1" applyBorder="1" applyAlignment="1">
      <alignment horizontal="left" vertical="center" wrapText="1"/>
    </xf>
    <xf numFmtId="0" fontId="19" fillId="0" borderId="10" xfId="2" applyFont="1" applyBorder="1" applyAlignment="1">
      <alignment horizontal="left" vertical="center" wrapText="1"/>
    </xf>
    <xf numFmtId="176" fontId="28" fillId="0" borderId="23" xfId="2" applyNumberFormat="1" applyFont="1" applyFill="1" applyBorder="1" applyAlignment="1">
      <alignment horizontal="left" vertical="center" wrapText="1" shrinkToFit="1"/>
    </xf>
    <xf numFmtId="176" fontId="30" fillId="0" borderId="23" xfId="2" applyNumberFormat="1" applyFont="1" applyFill="1" applyBorder="1" applyAlignment="1">
      <alignment horizontal="left" vertical="center" shrinkToFit="1"/>
    </xf>
    <xf numFmtId="0" fontId="19" fillId="0" borderId="34" xfId="2" applyFont="1" applyBorder="1" applyAlignment="1">
      <alignment horizontal="left" vertical="center" wrapText="1"/>
    </xf>
    <xf numFmtId="0" fontId="19" fillId="0" borderId="13" xfId="2" applyFont="1" applyBorder="1" applyAlignment="1">
      <alignment horizontal="left" vertical="center" wrapText="1"/>
    </xf>
    <xf numFmtId="0" fontId="18" fillId="0" borderId="28" xfId="2" applyFont="1" applyBorder="1" applyAlignment="1">
      <alignment vertical="center"/>
    </xf>
    <xf numFmtId="0" fontId="18" fillId="0" borderId="12" xfId="2" applyFont="1" applyBorder="1" applyAlignment="1">
      <alignment vertical="center"/>
    </xf>
    <xf numFmtId="0" fontId="28" fillId="2" borderId="0" xfId="0" applyFont="1" applyFill="1" applyAlignment="1">
      <alignment horizontal="left" vertical="center"/>
    </xf>
    <xf numFmtId="0" fontId="34" fillId="0" borderId="0" xfId="2" applyFont="1" applyAlignment="1">
      <alignment horizontal="center" vertical="center"/>
    </xf>
    <xf numFmtId="0" fontId="29" fillId="0" borderId="0" xfId="2" applyFont="1" applyAlignment="1">
      <alignment horizontal="center" vertical="center"/>
    </xf>
    <xf numFmtId="0" fontId="32" fillId="0" borderId="1" xfId="2" applyFont="1" applyBorder="1" applyAlignment="1">
      <alignment horizontal="center" vertical="center"/>
    </xf>
    <xf numFmtId="0" fontId="33" fillId="0" borderId="1" xfId="2" applyFont="1" applyBorder="1" applyAlignment="1">
      <alignment horizontal="center" vertical="center"/>
    </xf>
    <xf numFmtId="0" fontId="19" fillId="0" borderId="40" xfId="2" applyFont="1" applyBorder="1" applyAlignment="1">
      <alignment horizontal="center" vertical="center" wrapText="1"/>
    </xf>
    <xf numFmtId="0" fontId="19" fillId="0" borderId="7" xfId="2" applyFont="1" applyBorder="1" applyAlignment="1">
      <alignment horizontal="center" vertical="center" wrapText="1"/>
    </xf>
    <xf numFmtId="0" fontId="19" fillId="0" borderId="41" xfId="2" applyFont="1" applyBorder="1" applyAlignment="1">
      <alignment horizontal="left" vertical="center" wrapText="1"/>
    </xf>
    <xf numFmtId="0" fontId="19" fillId="0" borderId="19" xfId="2" applyFont="1" applyBorder="1" applyAlignment="1">
      <alignment horizontal="left" vertical="center" wrapText="1"/>
    </xf>
    <xf numFmtId="0" fontId="19" fillId="0" borderId="31" xfId="2" applyFont="1" applyBorder="1" applyAlignment="1">
      <alignment horizontal="left" vertical="center" wrapText="1"/>
    </xf>
    <xf numFmtId="0" fontId="19" fillId="0" borderId="8" xfId="2" applyFont="1" applyBorder="1" applyAlignment="1">
      <alignment horizontal="left" vertical="center" wrapText="1"/>
    </xf>
    <xf numFmtId="0" fontId="19" fillId="0" borderId="3" xfId="2" applyFont="1" applyBorder="1" applyAlignment="1">
      <alignment horizontal="left" vertical="center" wrapText="1"/>
    </xf>
    <xf numFmtId="0" fontId="19" fillId="0" borderId="4" xfId="2" applyFont="1" applyBorder="1" applyAlignment="1">
      <alignment horizontal="left" vertical="center" wrapText="1"/>
    </xf>
    <xf numFmtId="176" fontId="35" fillId="0" borderId="2" xfId="2" applyNumberFormat="1" applyFont="1" applyFill="1" applyBorder="1" applyAlignment="1">
      <alignment horizontal="left" vertical="center" wrapText="1" shrinkToFit="1"/>
    </xf>
    <xf numFmtId="176" fontId="35" fillId="0" borderId="4" xfId="2" applyNumberFormat="1" applyFont="1" applyFill="1" applyBorder="1" applyAlignment="1">
      <alignment horizontal="left" vertical="center" shrinkToFit="1"/>
    </xf>
  </cellXfs>
  <cellStyles count="6">
    <cellStyle name="通貨" xfId="1" builtinId="7"/>
    <cellStyle name="通貨 2" xfId="5"/>
    <cellStyle name="標準" xfId="0" builtinId="0"/>
    <cellStyle name="標準 2" xfId="2"/>
    <cellStyle name="標準 2 2" xfId="4"/>
    <cellStyle name="標準 3"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8</xdr:col>
      <xdr:colOff>447675</xdr:colOff>
      <xdr:row>0</xdr:row>
      <xdr:rowOff>104775</xdr:rowOff>
    </xdr:from>
    <xdr:to>
      <xdr:col>10</xdr:col>
      <xdr:colOff>923925</xdr:colOff>
      <xdr:row>0</xdr:row>
      <xdr:rowOff>561975</xdr:rowOff>
    </xdr:to>
    <xdr:sp macro="" textlink="">
      <xdr:nvSpPr>
        <xdr:cNvPr id="2" name="テキスト ボックス 1"/>
        <xdr:cNvSpPr txBox="1"/>
      </xdr:nvSpPr>
      <xdr:spPr>
        <a:xfrm>
          <a:off x="8801100" y="104775"/>
          <a:ext cx="2647950" cy="457200"/>
        </a:xfrm>
        <a:prstGeom prst="rect">
          <a:avLst/>
        </a:prstGeom>
        <a:solidFill>
          <a:schemeClr val="lt1"/>
        </a:solidFill>
        <a:ln w="2857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a:t>特定疾患患者用</a:t>
          </a:r>
        </a:p>
      </xdr:txBody>
    </xdr:sp>
    <xdr:clientData/>
  </xdr:twoCellAnchor>
  <xdr:twoCellAnchor>
    <xdr:from>
      <xdr:col>8</xdr:col>
      <xdr:colOff>381000</xdr:colOff>
      <xdr:row>0</xdr:row>
      <xdr:rowOff>571500</xdr:rowOff>
    </xdr:from>
    <xdr:to>
      <xdr:col>10</xdr:col>
      <xdr:colOff>1778000</xdr:colOff>
      <xdr:row>0</xdr:row>
      <xdr:rowOff>981075</xdr:rowOff>
    </xdr:to>
    <xdr:sp macro="" textlink="">
      <xdr:nvSpPr>
        <xdr:cNvPr id="3" name="テキスト ボックス 2"/>
        <xdr:cNvSpPr txBox="1"/>
      </xdr:nvSpPr>
      <xdr:spPr>
        <a:xfrm>
          <a:off x="8731250" y="571500"/>
          <a:ext cx="3571875" cy="4095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600"/>
            <a:t>※</a:t>
          </a:r>
          <a:r>
            <a:rPr kumimoji="1" lang="ja-JP" altLang="en-US" sz="1600"/>
            <a:t>平成</a:t>
          </a:r>
          <a:r>
            <a:rPr kumimoji="1" lang="en-US" altLang="ja-JP" sz="1600"/>
            <a:t>26</a:t>
          </a:r>
          <a:r>
            <a:rPr kumimoji="1" lang="ja-JP" altLang="en-US" sz="1600"/>
            <a:t>年</a:t>
          </a:r>
          <a:r>
            <a:rPr kumimoji="1" lang="en-US" altLang="ja-JP" sz="1600"/>
            <a:t>12</a:t>
          </a:r>
          <a:r>
            <a:rPr kumimoji="1" lang="ja-JP" altLang="en-US" sz="1600"/>
            <a:t>月</a:t>
          </a:r>
          <a:r>
            <a:rPr kumimoji="1" lang="en-US" altLang="ja-JP" sz="1600"/>
            <a:t>31</a:t>
          </a:r>
          <a:r>
            <a:rPr kumimoji="1" lang="ja-JP" altLang="en-US" sz="1600"/>
            <a:t>日記載分まで有効</a:t>
          </a:r>
        </a:p>
      </xdr:txBody>
    </xdr:sp>
    <xdr:clientData/>
  </xdr:twoCellAnchor>
  <xdr:twoCellAnchor>
    <xdr:from>
      <xdr:col>2</xdr:col>
      <xdr:colOff>0</xdr:colOff>
      <xdr:row>5</xdr:row>
      <xdr:rowOff>0</xdr:rowOff>
    </xdr:from>
    <xdr:to>
      <xdr:col>9</xdr:col>
      <xdr:colOff>238125</xdr:colOff>
      <xdr:row>7</xdr:row>
      <xdr:rowOff>539750</xdr:rowOff>
    </xdr:to>
    <xdr:sp macro="" textlink="">
      <xdr:nvSpPr>
        <xdr:cNvPr id="4" name="角丸四角形 3"/>
        <xdr:cNvSpPr/>
      </xdr:nvSpPr>
      <xdr:spPr>
        <a:xfrm>
          <a:off x="2397125" y="4429125"/>
          <a:ext cx="6969125" cy="193675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4000"/>
            <a:t>今回の事務連絡には添付省略</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46"/>
  <sheetViews>
    <sheetView view="pageBreakPreview" zoomScale="60" zoomScaleNormal="70" workbookViewId="0">
      <selection activeCell="T4" sqref="T4"/>
    </sheetView>
  </sheetViews>
  <sheetFormatPr defaultColWidth="8.875" defaultRowHeight="13.5" x14ac:dyDescent="0.15"/>
  <cols>
    <col min="1" max="1" width="14.75" style="4" customWidth="1"/>
    <col min="2" max="2" width="16.75" style="4" customWidth="1"/>
    <col min="3" max="3" width="17.5" style="4" customWidth="1"/>
    <col min="4" max="4" width="7.5" style="4" customWidth="1"/>
    <col min="5" max="5" width="10.625" style="4" customWidth="1"/>
    <col min="6" max="6" width="13.625" style="4" customWidth="1"/>
    <col min="7" max="7" width="9.5" style="4" customWidth="1"/>
    <col min="8" max="8" width="19.375" style="4" customWidth="1"/>
    <col min="9" max="9" width="10.125" style="4" customWidth="1"/>
    <col min="10" max="10" width="18.375" style="4" customWidth="1"/>
    <col min="11" max="11" width="24.375" style="4" customWidth="1"/>
    <col min="12" max="256" width="8.875" style="4"/>
    <col min="257" max="257" width="14.75" style="4" customWidth="1"/>
    <col min="258" max="258" width="16.75" style="4" customWidth="1"/>
    <col min="259" max="259" width="17.5" style="4" customWidth="1"/>
    <col min="260" max="260" width="7.5" style="4" customWidth="1"/>
    <col min="261" max="261" width="10.625" style="4" customWidth="1"/>
    <col min="262" max="262" width="13.625" style="4" customWidth="1"/>
    <col min="263" max="263" width="9.5" style="4" customWidth="1"/>
    <col min="264" max="264" width="19.375" style="4" customWidth="1"/>
    <col min="265" max="265" width="10.125" style="4" customWidth="1"/>
    <col min="266" max="266" width="18.375" style="4" customWidth="1"/>
    <col min="267" max="267" width="24.375" style="4" customWidth="1"/>
    <col min="268" max="512" width="8.875" style="4"/>
    <col min="513" max="513" width="14.75" style="4" customWidth="1"/>
    <col min="514" max="514" width="16.75" style="4" customWidth="1"/>
    <col min="515" max="515" width="17.5" style="4" customWidth="1"/>
    <col min="516" max="516" width="7.5" style="4" customWidth="1"/>
    <col min="517" max="517" width="10.625" style="4" customWidth="1"/>
    <col min="518" max="518" width="13.625" style="4" customWidth="1"/>
    <col min="519" max="519" width="9.5" style="4" customWidth="1"/>
    <col min="520" max="520" width="19.375" style="4" customWidth="1"/>
    <col min="521" max="521" width="10.125" style="4" customWidth="1"/>
    <col min="522" max="522" width="18.375" style="4" customWidth="1"/>
    <col min="523" max="523" width="24.375" style="4" customWidth="1"/>
    <col min="524" max="768" width="8.875" style="4"/>
    <col min="769" max="769" width="14.75" style="4" customWidth="1"/>
    <col min="770" max="770" width="16.75" style="4" customWidth="1"/>
    <col min="771" max="771" width="17.5" style="4" customWidth="1"/>
    <col min="772" max="772" width="7.5" style="4" customWidth="1"/>
    <col min="773" max="773" width="10.625" style="4" customWidth="1"/>
    <col min="774" max="774" width="13.625" style="4" customWidth="1"/>
    <col min="775" max="775" width="9.5" style="4" customWidth="1"/>
    <col min="776" max="776" width="19.375" style="4" customWidth="1"/>
    <col min="777" max="777" width="10.125" style="4" customWidth="1"/>
    <col min="778" max="778" width="18.375" style="4" customWidth="1"/>
    <col min="779" max="779" width="24.375" style="4" customWidth="1"/>
    <col min="780" max="1024" width="8.875" style="4"/>
    <col min="1025" max="1025" width="14.75" style="4" customWidth="1"/>
    <col min="1026" max="1026" width="16.75" style="4" customWidth="1"/>
    <col min="1027" max="1027" width="17.5" style="4" customWidth="1"/>
    <col min="1028" max="1028" width="7.5" style="4" customWidth="1"/>
    <col min="1029" max="1029" width="10.625" style="4" customWidth="1"/>
    <col min="1030" max="1030" width="13.625" style="4" customWidth="1"/>
    <col min="1031" max="1031" width="9.5" style="4" customWidth="1"/>
    <col min="1032" max="1032" width="19.375" style="4" customWidth="1"/>
    <col min="1033" max="1033" width="10.125" style="4" customWidth="1"/>
    <col min="1034" max="1034" width="18.375" style="4" customWidth="1"/>
    <col min="1035" max="1035" width="24.375" style="4" customWidth="1"/>
    <col min="1036" max="1280" width="8.875" style="4"/>
    <col min="1281" max="1281" width="14.75" style="4" customWidth="1"/>
    <col min="1282" max="1282" width="16.75" style="4" customWidth="1"/>
    <col min="1283" max="1283" width="17.5" style="4" customWidth="1"/>
    <col min="1284" max="1284" width="7.5" style="4" customWidth="1"/>
    <col min="1285" max="1285" width="10.625" style="4" customWidth="1"/>
    <col min="1286" max="1286" width="13.625" style="4" customWidth="1"/>
    <col min="1287" max="1287" width="9.5" style="4" customWidth="1"/>
    <col min="1288" max="1288" width="19.375" style="4" customWidth="1"/>
    <col min="1289" max="1289" width="10.125" style="4" customWidth="1"/>
    <col min="1290" max="1290" width="18.375" style="4" customWidth="1"/>
    <col min="1291" max="1291" width="24.375" style="4" customWidth="1"/>
    <col min="1292" max="1536" width="8.875" style="4"/>
    <col min="1537" max="1537" width="14.75" style="4" customWidth="1"/>
    <col min="1538" max="1538" width="16.75" style="4" customWidth="1"/>
    <col min="1539" max="1539" width="17.5" style="4" customWidth="1"/>
    <col min="1540" max="1540" width="7.5" style="4" customWidth="1"/>
    <col min="1541" max="1541" width="10.625" style="4" customWidth="1"/>
    <col min="1542" max="1542" width="13.625" style="4" customWidth="1"/>
    <col min="1543" max="1543" width="9.5" style="4" customWidth="1"/>
    <col min="1544" max="1544" width="19.375" style="4" customWidth="1"/>
    <col min="1545" max="1545" width="10.125" style="4" customWidth="1"/>
    <col min="1546" max="1546" width="18.375" style="4" customWidth="1"/>
    <col min="1547" max="1547" width="24.375" style="4" customWidth="1"/>
    <col min="1548" max="1792" width="8.875" style="4"/>
    <col min="1793" max="1793" width="14.75" style="4" customWidth="1"/>
    <col min="1794" max="1794" width="16.75" style="4" customWidth="1"/>
    <col min="1795" max="1795" width="17.5" style="4" customWidth="1"/>
    <col min="1796" max="1796" width="7.5" style="4" customWidth="1"/>
    <col min="1797" max="1797" width="10.625" style="4" customWidth="1"/>
    <col min="1798" max="1798" width="13.625" style="4" customWidth="1"/>
    <col min="1799" max="1799" width="9.5" style="4" customWidth="1"/>
    <col min="1800" max="1800" width="19.375" style="4" customWidth="1"/>
    <col min="1801" max="1801" width="10.125" style="4" customWidth="1"/>
    <col min="1802" max="1802" width="18.375" style="4" customWidth="1"/>
    <col min="1803" max="1803" width="24.375" style="4" customWidth="1"/>
    <col min="1804" max="2048" width="8.875" style="4"/>
    <col min="2049" max="2049" width="14.75" style="4" customWidth="1"/>
    <col min="2050" max="2050" width="16.75" style="4" customWidth="1"/>
    <col min="2051" max="2051" width="17.5" style="4" customWidth="1"/>
    <col min="2052" max="2052" width="7.5" style="4" customWidth="1"/>
    <col min="2053" max="2053" width="10.625" style="4" customWidth="1"/>
    <col min="2054" max="2054" width="13.625" style="4" customWidth="1"/>
    <col min="2055" max="2055" width="9.5" style="4" customWidth="1"/>
    <col min="2056" max="2056" width="19.375" style="4" customWidth="1"/>
    <col min="2057" max="2057" width="10.125" style="4" customWidth="1"/>
    <col min="2058" max="2058" width="18.375" style="4" customWidth="1"/>
    <col min="2059" max="2059" width="24.375" style="4" customWidth="1"/>
    <col min="2060" max="2304" width="8.875" style="4"/>
    <col min="2305" max="2305" width="14.75" style="4" customWidth="1"/>
    <col min="2306" max="2306" width="16.75" style="4" customWidth="1"/>
    <col min="2307" max="2307" width="17.5" style="4" customWidth="1"/>
    <col min="2308" max="2308" width="7.5" style="4" customWidth="1"/>
    <col min="2309" max="2309" width="10.625" style="4" customWidth="1"/>
    <col min="2310" max="2310" width="13.625" style="4" customWidth="1"/>
    <col min="2311" max="2311" width="9.5" style="4" customWidth="1"/>
    <col min="2312" max="2312" width="19.375" style="4" customWidth="1"/>
    <col min="2313" max="2313" width="10.125" style="4" customWidth="1"/>
    <col min="2314" max="2314" width="18.375" style="4" customWidth="1"/>
    <col min="2315" max="2315" width="24.375" style="4" customWidth="1"/>
    <col min="2316" max="2560" width="8.875" style="4"/>
    <col min="2561" max="2561" width="14.75" style="4" customWidth="1"/>
    <col min="2562" max="2562" width="16.75" style="4" customWidth="1"/>
    <col min="2563" max="2563" width="17.5" style="4" customWidth="1"/>
    <col min="2564" max="2564" width="7.5" style="4" customWidth="1"/>
    <col min="2565" max="2565" width="10.625" style="4" customWidth="1"/>
    <col min="2566" max="2566" width="13.625" style="4" customWidth="1"/>
    <col min="2567" max="2567" width="9.5" style="4" customWidth="1"/>
    <col min="2568" max="2568" width="19.375" style="4" customWidth="1"/>
    <col min="2569" max="2569" width="10.125" style="4" customWidth="1"/>
    <col min="2570" max="2570" width="18.375" style="4" customWidth="1"/>
    <col min="2571" max="2571" width="24.375" style="4" customWidth="1"/>
    <col min="2572" max="2816" width="8.875" style="4"/>
    <col min="2817" max="2817" width="14.75" style="4" customWidth="1"/>
    <col min="2818" max="2818" width="16.75" style="4" customWidth="1"/>
    <col min="2819" max="2819" width="17.5" style="4" customWidth="1"/>
    <col min="2820" max="2820" width="7.5" style="4" customWidth="1"/>
    <col min="2821" max="2821" width="10.625" style="4" customWidth="1"/>
    <col min="2822" max="2822" width="13.625" style="4" customWidth="1"/>
    <col min="2823" max="2823" width="9.5" style="4" customWidth="1"/>
    <col min="2824" max="2824" width="19.375" style="4" customWidth="1"/>
    <col min="2825" max="2825" width="10.125" style="4" customWidth="1"/>
    <col min="2826" max="2826" width="18.375" style="4" customWidth="1"/>
    <col min="2827" max="2827" width="24.375" style="4" customWidth="1"/>
    <col min="2828" max="3072" width="8.875" style="4"/>
    <col min="3073" max="3073" width="14.75" style="4" customWidth="1"/>
    <col min="3074" max="3074" width="16.75" style="4" customWidth="1"/>
    <col min="3075" max="3075" width="17.5" style="4" customWidth="1"/>
    <col min="3076" max="3076" width="7.5" style="4" customWidth="1"/>
    <col min="3077" max="3077" width="10.625" style="4" customWidth="1"/>
    <col min="3078" max="3078" width="13.625" style="4" customWidth="1"/>
    <col min="3079" max="3079" width="9.5" style="4" customWidth="1"/>
    <col min="3080" max="3080" width="19.375" style="4" customWidth="1"/>
    <col min="3081" max="3081" width="10.125" style="4" customWidth="1"/>
    <col min="3082" max="3082" width="18.375" style="4" customWidth="1"/>
    <col min="3083" max="3083" width="24.375" style="4" customWidth="1"/>
    <col min="3084" max="3328" width="8.875" style="4"/>
    <col min="3329" max="3329" width="14.75" style="4" customWidth="1"/>
    <col min="3330" max="3330" width="16.75" style="4" customWidth="1"/>
    <col min="3331" max="3331" width="17.5" style="4" customWidth="1"/>
    <col min="3332" max="3332" width="7.5" style="4" customWidth="1"/>
    <col min="3333" max="3333" width="10.625" style="4" customWidth="1"/>
    <col min="3334" max="3334" width="13.625" style="4" customWidth="1"/>
    <col min="3335" max="3335" width="9.5" style="4" customWidth="1"/>
    <col min="3336" max="3336" width="19.375" style="4" customWidth="1"/>
    <col min="3337" max="3337" width="10.125" style="4" customWidth="1"/>
    <col min="3338" max="3338" width="18.375" style="4" customWidth="1"/>
    <col min="3339" max="3339" width="24.375" style="4" customWidth="1"/>
    <col min="3340" max="3584" width="8.875" style="4"/>
    <col min="3585" max="3585" width="14.75" style="4" customWidth="1"/>
    <col min="3586" max="3586" width="16.75" style="4" customWidth="1"/>
    <col min="3587" max="3587" width="17.5" style="4" customWidth="1"/>
    <col min="3588" max="3588" width="7.5" style="4" customWidth="1"/>
    <col min="3589" max="3589" width="10.625" style="4" customWidth="1"/>
    <col min="3590" max="3590" width="13.625" style="4" customWidth="1"/>
    <col min="3591" max="3591" width="9.5" style="4" customWidth="1"/>
    <col min="3592" max="3592" width="19.375" style="4" customWidth="1"/>
    <col min="3593" max="3593" width="10.125" style="4" customWidth="1"/>
    <col min="3594" max="3594" width="18.375" style="4" customWidth="1"/>
    <col min="3595" max="3595" width="24.375" style="4" customWidth="1"/>
    <col min="3596" max="3840" width="8.875" style="4"/>
    <col min="3841" max="3841" width="14.75" style="4" customWidth="1"/>
    <col min="3842" max="3842" width="16.75" style="4" customWidth="1"/>
    <col min="3843" max="3843" width="17.5" style="4" customWidth="1"/>
    <col min="3844" max="3844" width="7.5" style="4" customWidth="1"/>
    <col min="3845" max="3845" width="10.625" style="4" customWidth="1"/>
    <col min="3846" max="3846" width="13.625" style="4" customWidth="1"/>
    <col min="3847" max="3847" width="9.5" style="4" customWidth="1"/>
    <col min="3848" max="3848" width="19.375" style="4" customWidth="1"/>
    <col min="3849" max="3849" width="10.125" style="4" customWidth="1"/>
    <col min="3850" max="3850" width="18.375" style="4" customWidth="1"/>
    <col min="3851" max="3851" width="24.375" style="4" customWidth="1"/>
    <col min="3852" max="4096" width="8.875" style="4"/>
    <col min="4097" max="4097" width="14.75" style="4" customWidth="1"/>
    <col min="4098" max="4098" width="16.75" style="4" customWidth="1"/>
    <col min="4099" max="4099" width="17.5" style="4" customWidth="1"/>
    <col min="4100" max="4100" width="7.5" style="4" customWidth="1"/>
    <col min="4101" max="4101" width="10.625" style="4" customWidth="1"/>
    <col min="4102" max="4102" width="13.625" style="4" customWidth="1"/>
    <col min="4103" max="4103" width="9.5" style="4" customWidth="1"/>
    <col min="4104" max="4104" width="19.375" style="4" customWidth="1"/>
    <col min="4105" max="4105" width="10.125" style="4" customWidth="1"/>
    <col min="4106" max="4106" width="18.375" style="4" customWidth="1"/>
    <col min="4107" max="4107" width="24.375" style="4" customWidth="1"/>
    <col min="4108" max="4352" width="8.875" style="4"/>
    <col min="4353" max="4353" width="14.75" style="4" customWidth="1"/>
    <col min="4354" max="4354" width="16.75" style="4" customWidth="1"/>
    <col min="4355" max="4355" width="17.5" style="4" customWidth="1"/>
    <col min="4356" max="4356" width="7.5" style="4" customWidth="1"/>
    <col min="4357" max="4357" width="10.625" style="4" customWidth="1"/>
    <col min="4358" max="4358" width="13.625" style="4" customWidth="1"/>
    <col min="4359" max="4359" width="9.5" style="4" customWidth="1"/>
    <col min="4360" max="4360" width="19.375" style="4" customWidth="1"/>
    <col min="4361" max="4361" width="10.125" style="4" customWidth="1"/>
    <col min="4362" max="4362" width="18.375" style="4" customWidth="1"/>
    <col min="4363" max="4363" width="24.375" style="4" customWidth="1"/>
    <col min="4364" max="4608" width="8.875" style="4"/>
    <col min="4609" max="4609" width="14.75" style="4" customWidth="1"/>
    <col min="4610" max="4610" width="16.75" style="4" customWidth="1"/>
    <col min="4611" max="4611" width="17.5" style="4" customWidth="1"/>
    <col min="4612" max="4612" width="7.5" style="4" customWidth="1"/>
    <col min="4613" max="4613" width="10.625" style="4" customWidth="1"/>
    <col min="4614" max="4614" width="13.625" style="4" customWidth="1"/>
    <col min="4615" max="4615" width="9.5" style="4" customWidth="1"/>
    <col min="4616" max="4616" width="19.375" style="4" customWidth="1"/>
    <col min="4617" max="4617" width="10.125" style="4" customWidth="1"/>
    <col min="4618" max="4618" width="18.375" style="4" customWidth="1"/>
    <col min="4619" max="4619" width="24.375" style="4" customWidth="1"/>
    <col min="4620" max="4864" width="8.875" style="4"/>
    <col min="4865" max="4865" width="14.75" style="4" customWidth="1"/>
    <col min="4866" max="4866" width="16.75" style="4" customWidth="1"/>
    <col min="4867" max="4867" width="17.5" style="4" customWidth="1"/>
    <col min="4868" max="4868" width="7.5" style="4" customWidth="1"/>
    <col min="4869" max="4869" width="10.625" style="4" customWidth="1"/>
    <col min="4870" max="4870" width="13.625" style="4" customWidth="1"/>
    <col min="4871" max="4871" width="9.5" style="4" customWidth="1"/>
    <col min="4872" max="4872" width="19.375" style="4" customWidth="1"/>
    <col min="4873" max="4873" width="10.125" style="4" customWidth="1"/>
    <col min="4874" max="4874" width="18.375" style="4" customWidth="1"/>
    <col min="4875" max="4875" width="24.375" style="4" customWidth="1"/>
    <col min="4876" max="5120" width="8.875" style="4"/>
    <col min="5121" max="5121" width="14.75" style="4" customWidth="1"/>
    <col min="5122" max="5122" width="16.75" style="4" customWidth="1"/>
    <col min="5123" max="5123" width="17.5" style="4" customWidth="1"/>
    <col min="5124" max="5124" width="7.5" style="4" customWidth="1"/>
    <col min="5125" max="5125" width="10.625" style="4" customWidth="1"/>
    <col min="5126" max="5126" width="13.625" style="4" customWidth="1"/>
    <col min="5127" max="5127" width="9.5" style="4" customWidth="1"/>
    <col min="5128" max="5128" width="19.375" style="4" customWidth="1"/>
    <col min="5129" max="5129" width="10.125" style="4" customWidth="1"/>
    <col min="5130" max="5130" width="18.375" style="4" customWidth="1"/>
    <col min="5131" max="5131" width="24.375" style="4" customWidth="1"/>
    <col min="5132" max="5376" width="8.875" style="4"/>
    <col min="5377" max="5377" width="14.75" style="4" customWidth="1"/>
    <col min="5378" max="5378" width="16.75" style="4" customWidth="1"/>
    <col min="5379" max="5379" width="17.5" style="4" customWidth="1"/>
    <col min="5380" max="5380" width="7.5" style="4" customWidth="1"/>
    <col min="5381" max="5381" width="10.625" style="4" customWidth="1"/>
    <col min="5382" max="5382" width="13.625" style="4" customWidth="1"/>
    <col min="5383" max="5383" width="9.5" style="4" customWidth="1"/>
    <col min="5384" max="5384" width="19.375" style="4" customWidth="1"/>
    <col min="5385" max="5385" width="10.125" style="4" customWidth="1"/>
    <col min="5386" max="5386" width="18.375" style="4" customWidth="1"/>
    <col min="5387" max="5387" width="24.375" style="4" customWidth="1"/>
    <col min="5388" max="5632" width="8.875" style="4"/>
    <col min="5633" max="5633" width="14.75" style="4" customWidth="1"/>
    <col min="5634" max="5634" width="16.75" style="4" customWidth="1"/>
    <col min="5635" max="5635" width="17.5" style="4" customWidth="1"/>
    <col min="5636" max="5636" width="7.5" style="4" customWidth="1"/>
    <col min="5637" max="5637" width="10.625" style="4" customWidth="1"/>
    <col min="5638" max="5638" width="13.625" style="4" customWidth="1"/>
    <col min="5639" max="5639" width="9.5" style="4" customWidth="1"/>
    <col min="5640" max="5640" width="19.375" style="4" customWidth="1"/>
    <col min="5641" max="5641" width="10.125" style="4" customWidth="1"/>
    <col min="5642" max="5642" width="18.375" style="4" customWidth="1"/>
    <col min="5643" max="5643" width="24.375" style="4" customWidth="1"/>
    <col min="5644" max="5888" width="8.875" style="4"/>
    <col min="5889" max="5889" width="14.75" style="4" customWidth="1"/>
    <col min="5890" max="5890" width="16.75" style="4" customWidth="1"/>
    <col min="5891" max="5891" width="17.5" style="4" customWidth="1"/>
    <col min="5892" max="5892" width="7.5" style="4" customWidth="1"/>
    <col min="5893" max="5893" width="10.625" style="4" customWidth="1"/>
    <col min="5894" max="5894" width="13.625" style="4" customWidth="1"/>
    <col min="5895" max="5895" width="9.5" style="4" customWidth="1"/>
    <col min="5896" max="5896" width="19.375" style="4" customWidth="1"/>
    <col min="5897" max="5897" width="10.125" style="4" customWidth="1"/>
    <col min="5898" max="5898" width="18.375" style="4" customWidth="1"/>
    <col min="5899" max="5899" width="24.375" style="4" customWidth="1"/>
    <col min="5900" max="6144" width="8.875" style="4"/>
    <col min="6145" max="6145" width="14.75" style="4" customWidth="1"/>
    <col min="6146" max="6146" width="16.75" style="4" customWidth="1"/>
    <col min="6147" max="6147" width="17.5" style="4" customWidth="1"/>
    <col min="6148" max="6148" width="7.5" style="4" customWidth="1"/>
    <col min="6149" max="6149" width="10.625" style="4" customWidth="1"/>
    <col min="6150" max="6150" width="13.625" style="4" customWidth="1"/>
    <col min="6151" max="6151" width="9.5" style="4" customWidth="1"/>
    <col min="6152" max="6152" width="19.375" style="4" customWidth="1"/>
    <col min="6153" max="6153" width="10.125" style="4" customWidth="1"/>
    <col min="6154" max="6154" width="18.375" style="4" customWidth="1"/>
    <col min="6155" max="6155" width="24.375" style="4" customWidth="1"/>
    <col min="6156" max="6400" width="8.875" style="4"/>
    <col min="6401" max="6401" width="14.75" style="4" customWidth="1"/>
    <col min="6402" max="6402" width="16.75" style="4" customWidth="1"/>
    <col min="6403" max="6403" width="17.5" style="4" customWidth="1"/>
    <col min="6404" max="6404" width="7.5" style="4" customWidth="1"/>
    <col min="6405" max="6405" width="10.625" style="4" customWidth="1"/>
    <col min="6406" max="6406" width="13.625" style="4" customWidth="1"/>
    <col min="6407" max="6407" width="9.5" style="4" customWidth="1"/>
    <col min="6408" max="6408" width="19.375" style="4" customWidth="1"/>
    <col min="6409" max="6409" width="10.125" style="4" customWidth="1"/>
    <col min="6410" max="6410" width="18.375" style="4" customWidth="1"/>
    <col min="6411" max="6411" width="24.375" style="4" customWidth="1"/>
    <col min="6412" max="6656" width="8.875" style="4"/>
    <col min="6657" max="6657" width="14.75" style="4" customWidth="1"/>
    <col min="6658" max="6658" width="16.75" style="4" customWidth="1"/>
    <col min="6659" max="6659" width="17.5" style="4" customWidth="1"/>
    <col min="6660" max="6660" width="7.5" style="4" customWidth="1"/>
    <col min="6661" max="6661" width="10.625" style="4" customWidth="1"/>
    <col min="6662" max="6662" width="13.625" style="4" customWidth="1"/>
    <col min="6663" max="6663" width="9.5" style="4" customWidth="1"/>
    <col min="6664" max="6664" width="19.375" style="4" customWidth="1"/>
    <col min="6665" max="6665" width="10.125" style="4" customWidth="1"/>
    <col min="6666" max="6666" width="18.375" style="4" customWidth="1"/>
    <col min="6667" max="6667" width="24.375" style="4" customWidth="1"/>
    <col min="6668" max="6912" width="8.875" style="4"/>
    <col min="6913" max="6913" width="14.75" style="4" customWidth="1"/>
    <col min="6914" max="6914" width="16.75" style="4" customWidth="1"/>
    <col min="6915" max="6915" width="17.5" style="4" customWidth="1"/>
    <col min="6916" max="6916" width="7.5" style="4" customWidth="1"/>
    <col min="6917" max="6917" width="10.625" style="4" customWidth="1"/>
    <col min="6918" max="6918" width="13.625" style="4" customWidth="1"/>
    <col min="6919" max="6919" width="9.5" style="4" customWidth="1"/>
    <col min="6920" max="6920" width="19.375" style="4" customWidth="1"/>
    <col min="6921" max="6921" width="10.125" style="4" customWidth="1"/>
    <col min="6922" max="6922" width="18.375" style="4" customWidth="1"/>
    <col min="6923" max="6923" width="24.375" style="4" customWidth="1"/>
    <col min="6924" max="7168" width="8.875" style="4"/>
    <col min="7169" max="7169" width="14.75" style="4" customWidth="1"/>
    <col min="7170" max="7170" width="16.75" style="4" customWidth="1"/>
    <col min="7171" max="7171" width="17.5" style="4" customWidth="1"/>
    <col min="7172" max="7172" width="7.5" style="4" customWidth="1"/>
    <col min="7173" max="7173" width="10.625" style="4" customWidth="1"/>
    <col min="7174" max="7174" width="13.625" style="4" customWidth="1"/>
    <col min="7175" max="7175" width="9.5" style="4" customWidth="1"/>
    <col min="7176" max="7176" width="19.375" style="4" customWidth="1"/>
    <col min="7177" max="7177" width="10.125" style="4" customWidth="1"/>
    <col min="7178" max="7178" width="18.375" style="4" customWidth="1"/>
    <col min="7179" max="7179" width="24.375" style="4" customWidth="1"/>
    <col min="7180" max="7424" width="8.875" style="4"/>
    <col min="7425" max="7425" width="14.75" style="4" customWidth="1"/>
    <col min="7426" max="7426" width="16.75" style="4" customWidth="1"/>
    <col min="7427" max="7427" width="17.5" style="4" customWidth="1"/>
    <col min="7428" max="7428" width="7.5" style="4" customWidth="1"/>
    <col min="7429" max="7429" width="10.625" style="4" customWidth="1"/>
    <col min="7430" max="7430" width="13.625" style="4" customWidth="1"/>
    <col min="7431" max="7431" width="9.5" style="4" customWidth="1"/>
    <col min="7432" max="7432" width="19.375" style="4" customWidth="1"/>
    <col min="7433" max="7433" width="10.125" style="4" customWidth="1"/>
    <col min="7434" max="7434" width="18.375" style="4" customWidth="1"/>
    <col min="7435" max="7435" width="24.375" style="4" customWidth="1"/>
    <col min="7436" max="7680" width="8.875" style="4"/>
    <col min="7681" max="7681" width="14.75" style="4" customWidth="1"/>
    <col min="7682" max="7682" width="16.75" style="4" customWidth="1"/>
    <col min="7683" max="7683" width="17.5" style="4" customWidth="1"/>
    <col min="7684" max="7684" width="7.5" style="4" customWidth="1"/>
    <col min="7685" max="7685" width="10.625" style="4" customWidth="1"/>
    <col min="7686" max="7686" width="13.625" style="4" customWidth="1"/>
    <col min="7687" max="7687" width="9.5" style="4" customWidth="1"/>
    <col min="7688" max="7688" width="19.375" style="4" customWidth="1"/>
    <col min="7689" max="7689" width="10.125" style="4" customWidth="1"/>
    <col min="7690" max="7690" width="18.375" style="4" customWidth="1"/>
    <col min="7691" max="7691" width="24.375" style="4" customWidth="1"/>
    <col min="7692" max="7936" width="8.875" style="4"/>
    <col min="7937" max="7937" width="14.75" style="4" customWidth="1"/>
    <col min="7938" max="7938" width="16.75" style="4" customWidth="1"/>
    <col min="7939" max="7939" width="17.5" style="4" customWidth="1"/>
    <col min="7940" max="7940" width="7.5" style="4" customWidth="1"/>
    <col min="7941" max="7941" width="10.625" style="4" customWidth="1"/>
    <col min="7942" max="7942" width="13.625" style="4" customWidth="1"/>
    <col min="7943" max="7943" width="9.5" style="4" customWidth="1"/>
    <col min="7944" max="7944" width="19.375" style="4" customWidth="1"/>
    <col min="7945" max="7945" width="10.125" style="4" customWidth="1"/>
    <col min="7946" max="7946" width="18.375" style="4" customWidth="1"/>
    <col min="7947" max="7947" width="24.375" style="4" customWidth="1"/>
    <col min="7948" max="8192" width="8.875" style="4"/>
    <col min="8193" max="8193" width="14.75" style="4" customWidth="1"/>
    <col min="8194" max="8194" width="16.75" style="4" customWidth="1"/>
    <col min="8195" max="8195" width="17.5" style="4" customWidth="1"/>
    <col min="8196" max="8196" width="7.5" style="4" customWidth="1"/>
    <col min="8197" max="8197" width="10.625" style="4" customWidth="1"/>
    <col min="8198" max="8198" width="13.625" style="4" customWidth="1"/>
    <col min="8199" max="8199" width="9.5" style="4" customWidth="1"/>
    <col min="8200" max="8200" width="19.375" style="4" customWidth="1"/>
    <col min="8201" max="8201" width="10.125" style="4" customWidth="1"/>
    <col min="8202" max="8202" width="18.375" style="4" customWidth="1"/>
    <col min="8203" max="8203" width="24.375" style="4" customWidth="1"/>
    <col min="8204" max="8448" width="8.875" style="4"/>
    <col min="8449" max="8449" width="14.75" style="4" customWidth="1"/>
    <col min="8450" max="8450" width="16.75" style="4" customWidth="1"/>
    <col min="8451" max="8451" width="17.5" style="4" customWidth="1"/>
    <col min="8452" max="8452" width="7.5" style="4" customWidth="1"/>
    <col min="8453" max="8453" width="10.625" style="4" customWidth="1"/>
    <col min="8454" max="8454" width="13.625" style="4" customWidth="1"/>
    <col min="8455" max="8455" width="9.5" style="4" customWidth="1"/>
    <col min="8456" max="8456" width="19.375" style="4" customWidth="1"/>
    <col min="8457" max="8457" width="10.125" style="4" customWidth="1"/>
    <col min="8458" max="8458" width="18.375" style="4" customWidth="1"/>
    <col min="8459" max="8459" width="24.375" style="4" customWidth="1"/>
    <col min="8460" max="8704" width="8.875" style="4"/>
    <col min="8705" max="8705" width="14.75" style="4" customWidth="1"/>
    <col min="8706" max="8706" width="16.75" style="4" customWidth="1"/>
    <col min="8707" max="8707" width="17.5" style="4" customWidth="1"/>
    <col min="8708" max="8708" width="7.5" style="4" customWidth="1"/>
    <col min="8709" max="8709" width="10.625" style="4" customWidth="1"/>
    <col min="8710" max="8710" width="13.625" style="4" customWidth="1"/>
    <col min="8711" max="8711" width="9.5" style="4" customWidth="1"/>
    <col min="8712" max="8712" width="19.375" style="4" customWidth="1"/>
    <col min="8713" max="8713" width="10.125" style="4" customWidth="1"/>
    <col min="8714" max="8714" width="18.375" style="4" customWidth="1"/>
    <col min="8715" max="8715" width="24.375" style="4" customWidth="1"/>
    <col min="8716" max="8960" width="8.875" style="4"/>
    <col min="8961" max="8961" width="14.75" style="4" customWidth="1"/>
    <col min="8962" max="8962" width="16.75" style="4" customWidth="1"/>
    <col min="8963" max="8963" width="17.5" style="4" customWidth="1"/>
    <col min="8964" max="8964" width="7.5" style="4" customWidth="1"/>
    <col min="8965" max="8965" width="10.625" style="4" customWidth="1"/>
    <col min="8966" max="8966" width="13.625" style="4" customWidth="1"/>
    <col min="8967" max="8967" width="9.5" style="4" customWidth="1"/>
    <col min="8968" max="8968" width="19.375" style="4" customWidth="1"/>
    <col min="8969" max="8969" width="10.125" style="4" customWidth="1"/>
    <col min="8970" max="8970" width="18.375" style="4" customWidth="1"/>
    <col min="8971" max="8971" width="24.375" style="4" customWidth="1"/>
    <col min="8972" max="9216" width="8.875" style="4"/>
    <col min="9217" max="9217" width="14.75" style="4" customWidth="1"/>
    <col min="9218" max="9218" width="16.75" style="4" customWidth="1"/>
    <col min="9219" max="9219" width="17.5" style="4" customWidth="1"/>
    <col min="9220" max="9220" width="7.5" style="4" customWidth="1"/>
    <col min="9221" max="9221" width="10.625" style="4" customWidth="1"/>
    <col min="9222" max="9222" width="13.625" style="4" customWidth="1"/>
    <col min="9223" max="9223" width="9.5" style="4" customWidth="1"/>
    <col min="9224" max="9224" width="19.375" style="4" customWidth="1"/>
    <col min="9225" max="9225" width="10.125" style="4" customWidth="1"/>
    <col min="9226" max="9226" width="18.375" style="4" customWidth="1"/>
    <col min="9227" max="9227" width="24.375" style="4" customWidth="1"/>
    <col min="9228" max="9472" width="8.875" style="4"/>
    <col min="9473" max="9473" width="14.75" style="4" customWidth="1"/>
    <col min="9474" max="9474" width="16.75" style="4" customWidth="1"/>
    <col min="9475" max="9475" width="17.5" style="4" customWidth="1"/>
    <col min="9476" max="9476" width="7.5" style="4" customWidth="1"/>
    <col min="9477" max="9477" width="10.625" style="4" customWidth="1"/>
    <col min="9478" max="9478" width="13.625" style="4" customWidth="1"/>
    <col min="9479" max="9479" width="9.5" style="4" customWidth="1"/>
    <col min="9480" max="9480" width="19.375" style="4" customWidth="1"/>
    <col min="9481" max="9481" width="10.125" style="4" customWidth="1"/>
    <col min="9482" max="9482" width="18.375" style="4" customWidth="1"/>
    <col min="9483" max="9483" width="24.375" style="4" customWidth="1"/>
    <col min="9484" max="9728" width="8.875" style="4"/>
    <col min="9729" max="9729" width="14.75" style="4" customWidth="1"/>
    <col min="9730" max="9730" width="16.75" style="4" customWidth="1"/>
    <col min="9731" max="9731" width="17.5" style="4" customWidth="1"/>
    <col min="9732" max="9732" width="7.5" style="4" customWidth="1"/>
    <col min="9733" max="9733" width="10.625" style="4" customWidth="1"/>
    <col min="9734" max="9734" width="13.625" style="4" customWidth="1"/>
    <col min="9735" max="9735" width="9.5" style="4" customWidth="1"/>
    <col min="9736" max="9736" width="19.375" style="4" customWidth="1"/>
    <col min="9737" max="9737" width="10.125" style="4" customWidth="1"/>
    <col min="9738" max="9738" width="18.375" style="4" customWidth="1"/>
    <col min="9739" max="9739" width="24.375" style="4" customWidth="1"/>
    <col min="9740" max="9984" width="8.875" style="4"/>
    <col min="9985" max="9985" width="14.75" style="4" customWidth="1"/>
    <col min="9986" max="9986" width="16.75" style="4" customWidth="1"/>
    <col min="9987" max="9987" width="17.5" style="4" customWidth="1"/>
    <col min="9988" max="9988" width="7.5" style="4" customWidth="1"/>
    <col min="9989" max="9989" width="10.625" style="4" customWidth="1"/>
    <col min="9990" max="9990" width="13.625" style="4" customWidth="1"/>
    <col min="9991" max="9991" width="9.5" style="4" customWidth="1"/>
    <col min="9992" max="9992" width="19.375" style="4" customWidth="1"/>
    <col min="9993" max="9993" width="10.125" style="4" customWidth="1"/>
    <col min="9994" max="9994" width="18.375" style="4" customWidth="1"/>
    <col min="9995" max="9995" width="24.375" style="4" customWidth="1"/>
    <col min="9996" max="10240" width="8.875" style="4"/>
    <col min="10241" max="10241" width="14.75" style="4" customWidth="1"/>
    <col min="10242" max="10242" width="16.75" style="4" customWidth="1"/>
    <col min="10243" max="10243" width="17.5" style="4" customWidth="1"/>
    <col min="10244" max="10244" width="7.5" style="4" customWidth="1"/>
    <col min="10245" max="10245" width="10.625" style="4" customWidth="1"/>
    <col min="10246" max="10246" width="13.625" style="4" customWidth="1"/>
    <col min="10247" max="10247" width="9.5" style="4" customWidth="1"/>
    <col min="10248" max="10248" width="19.375" style="4" customWidth="1"/>
    <col min="10249" max="10249" width="10.125" style="4" customWidth="1"/>
    <col min="10250" max="10250" width="18.375" style="4" customWidth="1"/>
    <col min="10251" max="10251" width="24.375" style="4" customWidth="1"/>
    <col min="10252" max="10496" width="8.875" style="4"/>
    <col min="10497" max="10497" width="14.75" style="4" customWidth="1"/>
    <col min="10498" max="10498" width="16.75" style="4" customWidth="1"/>
    <col min="10499" max="10499" width="17.5" style="4" customWidth="1"/>
    <col min="10500" max="10500" width="7.5" style="4" customWidth="1"/>
    <col min="10501" max="10501" width="10.625" style="4" customWidth="1"/>
    <col min="10502" max="10502" width="13.625" style="4" customWidth="1"/>
    <col min="10503" max="10503" width="9.5" style="4" customWidth="1"/>
    <col min="10504" max="10504" width="19.375" style="4" customWidth="1"/>
    <col min="10505" max="10505" width="10.125" style="4" customWidth="1"/>
    <col min="10506" max="10506" width="18.375" style="4" customWidth="1"/>
    <col min="10507" max="10507" width="24.375" style="4" customWidth="1"/>
    <col min="10508" max="10752" width="8.875" style="4"/>
    <col min="10753" max="10753" width="14.75" style="4" customWidth="1"/>
    <col min="10754" max="10754" width="16.75" style="4" customWidth="1"/>
    <col min="10755" max="10755" width="17.5" style="4" customWidth="1"/>
    <col min="10756" max="10756" width="7.5" style="4" customWidth="1"/>
    <col min="10757" max="10757" width="10.625" style="4" customWidth="1"/>
    <col min="10758" max="10758" width="13.625" style="4" customWidth="1"/>
    <col min="10759" max="10759" width="9.5" style="4" customWidth="1"/>
    <col min="10760" max="10760" width="19.375" style="4" customWidth="1"/>
    <col min="10761" max="10761" width="10.125" style="4" customWidth="1"/>
    <col min="10762" max="10762" width="18.375" style="4" customWidth="1"/>
    <col min="10763" max="10763" width="24.375" style="4" customWidth="1"/>
    <col min="10764" max="11008" width="8.875" style="4"/>
    <col min="11009" max="11009" width="14.75" style="4" customWidth="1"/>
    <col min="11010" max="11010" width="16.75" style="4" customWidth="1"/>
    <col min="11011" max="11011" width="17.5" style="4" customWidth="1"/>
    <col min="11012" max="11012" width="7.5" style="4" customWidth="1"/>
    <col min="11013" max="11013" width="10.625" style="4" customWidth="1"/>
    <col min="11014" max="11014" width="13.625" style="4" customWidth="1"/>
    <col min="11015" max="11015" width="9.5" style="4" customWidth="1"/>
    <col min="11016" max="11016" width="19.375" style="4" customWidth="1"/>
    <col min="11017" max="11017" width="10.125" style="4" customWidth="1"/>
    <col min="11018" max="11018" width="18.375" style="4" customWidth="1"/>
    <col min="11019" max="11019" width="24.375" style="4" customWidth="1"/>
    <col min="11020" max="11264" width="8.875" style="4"/>
    <col min="11265" max="11265" width="14.75" style="4" customWidth="1"/>
    <col min="11266" max="11266" width="16.75" style="4" customWidth="1"/>
    <col min="11267" max="11267" width="17.5" style="4" customWidth="1"/>
    <col min="11268" max="11268" width="7.5" style="4" customWidth="1"/>
    <col min="11269" max="11269" width="10.625" style="4" customWidth="1"/>
    <col min="11270" max="11270" width="13.625" style="4" customWidth="1"/>
    <col min="11271" max="11271" width="9.5" style="4" customWidth="1"/>
    <col min="11272" max="11272" width="19.375" style="4" customWidth="1"/>
    <col min="11273" max="11273" width="10.125" style="4" customWidth="1"/>
    <col min="11274" max="11274" width="18.375" style="4" customWidth="1"/>
    <col min="11275" max="11275" width="24.375" style="4" customWidth="1"/>
    <col min="11276" max="11520" width="8.875" style="4"/>
    <col min="11521" max="11521" width="14.75" style="4" customWidth="1"/>
    <col min="11522" max="11522" width="16.75" style="4" customWidth="1"/>
    <col min="11523" max="11523" width="17.5" style="4" customWidth="1"/>
    <col min="11524" max="11524" width="7.5" style="4" customWidth="1"/>
    <col min="11525" max="11525" width="10.625" style="4" customWidth="1"/>
    <col min="11526" max="11526" width="13.625" style="4" customWidth="1"/>
    <col min="11527" max="11527" width="9.5" style="4" customWidth="1"/>
    <col min="11528" max="11528" width="19.375" style="4" customWidth="1"/>
    <col min="11529" max="11529" width="10.125" style="4" customWidth="1"/>
    <col min="11530" max="11530" width="18.375" style="4" customWidth="1"/>
    <col min="11531" max="11531" width="24.375" style="4" customWidth="1"/>
    <col min="11532" max="11776" width="8.875" style="4"/>
    <col min="11777" max="11777" width="14.75" style="4" customWidth="1"/>
    <col min="11778" max="11778" width="16.75" style="4" customWidth="1"/>
    <col min="11779" max="11779" width="17.5" style="4" customWidth="1"/>
    <col min="11780" max="11780" width="7.5" style="4" customWidth="1"/>
    <col min="11781" max="11781" width="10.625" style="4" customWidth="1"/>
    <col min="11782" max="11782" width="13.625" style="4" customWidth="1"/>
    <col min="11783" max="11783" width="9.5" style="4" customWidth="1"/>
    <col min="11784" max="11784" width="19.375" style="4" customWidth="1"/>
    <col min="11785" max="11785" width="10.125" style="4" customWidth="1"/>
    <col min="11786" max="11786" width="18.375" style="4" customWidth="1"/>
    <col min="11787" max="11787" width="24.375" style="4" customWidth="1"/>
    <col min="11788" max="12032" width="8.875" style="4"/>
    <col min="12033" max="12033" width="14.75" style="4" customWidth="1"/>
    <col min="12034" max="12034" width="16.75" style="4" customWidth="1"/>
    <col min="12035" max="12035" width="17.5" style="4" customWidth="1"/>
    <col min="12036" max="12036" width="7.5" style="4" customWidth="1"/>
    <col min="12037" max="12037" width="10.625" style="4" customWidth="1"/>
    <col min="12038" max="12038" width="13.625" style="4" customWidth="1"/>
    <col min="12039" max="12039" width="9.5" style="4" customWidth="1"/>
    <col min="12040" max="12040" width="19.375" style="4" customWidth="1"/>
    <col min="12041" max="12041" width="10.125" style="4" customWidth="1"/>
    <col min="12042" max="12042" width="18.375" style="4" customWidth="1"/>
    <col min="12043" max="12043" width="24.375" style="4" customWidth="1"/>
    <col min="12044" max="12288" width="8.875" style="4"/>
    <col min="12289" max="12289" width="14.75" style="4" customWidth="1"/>
    <col min="12290" max="12290" width="16.75" style="4" customWidth="1"/>
    <col min="12291" max="12291" width="17.5" style="4" customWidth="1"/>
    <col min="12292" max="12292" width="7.5" style="4" customWidth="1"/>
    <col min="12293" max="12293" width="10.625" style="4" customWidth="1"/>
    <col min="12294" max="12294" width="13.625" style="4" customWidth="1"/>
    <col min="12295" max="12295" width="9.5" style="4" customWidth="1"/>
    <col min="12296" max="12296" width="19.375" style="4" customWidth="1"/>
    <col min="12297" max="12297" width="10.125" style="4" customWidth="1"/>
    <col min="12298" max="12298" width="18.375" style="4" customWidth="1"/>
    <col min="12299" max="12299" width="24.375" style="4" customWidth="1"/>
    <col min="12300" max="12544" width="8.875" style="4"/>
    <col min="12545" max="12545" width="14.75" style="4" customWidth="1"/>
    <col min="12546" max="12546" width="16.75" style="4" customWidth="1"/>
    <col min="12547" max="12547" width="17.5" style="4" customWidth="1"/>
    <col min="12548" max="12548" width="7.5" style="4" customWidth="1"/>
    <col min="12549" max="12549" width="10.625" style="4" customWidth="1"/>
    <col min="12550" max="12550" width="13.625" style="4" customWidth="1"/>
    <col min="12551" max="12551" width="9.5" style="4" customWidth="1"/>
    <col min="12552" max="12552" width="19.375" style="4" customWidth="1"/>
    <col min="12553" max="12553" width="10.125" style="4" customWidth="1"/>
    <col min="12554" max="12554" width="18.375" style="4" customWidth="1"/>
    <col min="12555" max="12555" width="24.375" style="4" customWidth="1"/>
    <col min="12556" max="12800" width="8.875" style="4"/>
    <col min="12801" max="12801" width="14.75" style="4" customWidth="1"/>
    <col min="12802" max="12802" width="16.75" style="4" customWidth="1"/>
    <col min="12803" max="12803" width="17.5" style="4" customWidth="1"/>
    <col min="12804" max="12804" width="7.5" style="4" customWidth="1"/>
    <col min="12805" max="12805" width="10.625" style="4" customWidth="1"/>
    <col min="12806" max="12806" width="13.625" style="4" customWidth="1"/>
    <col min="12807" max="12807" width="9.5" style="4" customWidth="1"/>
    <col min="12808" max="12808" width="19.375" style="4" customWidth="1"/>
    <col min="12809" max="12809" width="10.125" style="4" customWidth="1"/>
    <col min="12810" max="12810" width="18.375" style="4" customWidth="1"/>
    <col min="12811" max="12811" width="24.375" style="4" customWidth="1"/>
    <col min="12812" max="13056" width="8.875" style="4"/>
    <col min="13057" max="13057" width="14.75" style="4" customWidth="1"/>
    <col min="13058" max="13058" width="16.75" style="4" customWidth="1"/>
    <col min="13059" max="13059" width="17.5" style="4" customWidth="1"/>
    <col min="13060" max="13060" width="7.5" style="4" customWidth="1"/>
    <col min="13061" max="13061" width="10.625" style="4" customWidth="1"/>
    <col min="13062" max="13062" width="13.625" style="4" customWidth="1"/>
    <col min="13063" max="13063" width="9.5" style="4" customWidth="1"/>
    <col min="13064" max="13064" width="19.375" style="4" customWidth="1"/>
    <col min="13065" max="13065" width="10.125" style="4" customWidth="1"/>
    <col min="13066" max="13066" width="18.375" style="4" customWidth="1"/>
    <col min="13067" max="13067" width="24.375" style="4" customWidth="1"/>
    <col min="13068" max="13312" width="8.875" style="4"/>
    <col min="13313" max="13313" width="14.75" style="4" customWidth="1"/>
    <col min="13314" max="13314" width="16.75" style="4" customWidth="1"/>
    <col min="13315" max="13315" width="17.5" style="4" customWidth="1"/>
    <col min="13316" max="13316" width="7.5" style="4" customWidth="1"/>
    <col min="13317" max="13317" width="10.625" style="4" customWidth="1"/>
    <col min="13318" max="13318" width="13.625" style="4" customWidth="1"/>
    <col min="13319" max="13319" width="9.5" style="4" customWidth="1"/>
    <col min="13320" max="13320" width="19.375" style="4" customWidth="1"/>
    <col min="13321" max="13321" width="10.125" style="4" customWidth="1"/>
    <col min="13322" max="13322" width="18.375" style="4" customWidth="1"/>
    <col min="13323" max="13323" width="24.375" style="4" customWidth="1"/>
    <col min="13324" max="13568" width="8.875" style="4"/>
    <col min="13569" max="13569" width="14.75" style="4" customWidth="1"/>
    <col min="13570" max="13570" width="16.75" style="4" customWidth="1"/>
    <col min="13571" max="13571" width="17.5" style="4" customWidth="1"/>
    <col min="13572" max="13572" width="7.5" style="4" customWidth="1"/>
    <col min="13573" max="13573" width="10.625" style="4" customWidth="1"/>
    <col min="13574" max="13574" width="13.625" style="4" customWidth="1"/>
    <col min="13575" max="13575" width="9.5" style="4" customWidth="1"/>
    <col min="13576" max="13576" width="19.375" style="4" customWidth="1"/>
    <col min="13577" max="13577" width="10.125" style="4" customWidth="1"/>
    <col min="13578" max="13578" width="18.375" style="4" customWidth="1"/>
    <col min="13579" max="13579" width="24.375" style="4" customWidth="1"/>
    <col min="13580" max="13824" width="8.875" style="4"/>
    <col min="13825" max="13825" width="14.75" style="4" customWidth="1"/>
    <col min="13826" max="13826" width="16.75" style="4" customWidth="1"/>
    <col min="13827" max="13827" width="17.5" style="4" customWidth="1"/>
    <col min="13828" max="13828" width="7.5" style="4" customWidth="1"/>
    <col min="13829" max="13829" width="10.625" style="4" customWidth="1"/>
    <col min="13830" max="13830" width="13.625" style="4" customWidth="1"/>
    <col min="13831" max="13831" width="9.5" style="4" customWidth="1"/>
    <col min="13832" max="13832" width="19.375" style="4" customWidth="1"/>
    <col min="13833" max="13833" width="10.125" style="4" customWidth="1"/>
    <col min="13834" max="13834" width="18.375" style="4" customWidth="1"/>
    <col min="13835" max="13835" width="24.375" style="4" customWidth="1"/>
    <col min="13836" max="14080" width="8.875" style="4"/>
    <col min="14081" max="14081" width="14.75" style="4" customWidth="1"/>
    <col min="14082" max="14082" width="16.75" style="4" customWidth="1"/>
    <col min="14083" max="14083" width="17.5" style="4" customWidth="1"/>
    <col min="14084" max="14084" width="7.5" style="4" customWidth="1"/>
    <col min="14085" max="14085" width="10.625" style="4" customWidth="1"/>
    <col min="14086" max="14086" width="13.625" style="4" customWidth="1"/>
    <col min="14087" max="14087" width="9.5" style="4" customWidth="1"/>
    <col min="14088" max="14088" width="19.375" style="4" customWidth="1"/>
    <col min="14089" max="14089" width="10.125" style="4" customWidth="1"/>
    <col min="14090" max="14090" width="18.375" style="4" customWidth="1"/>
    <col min="14091" max="14091" width="24.375" style="4" customWidth="1"/>
    <col min="14092" max="14336" width="8.875" style="4"/>
    <col min="14337" max="14337" width="14.75" style="4" customWidth="1"/>
    <col min="14338" max="14338" width="16.75" style="4" customWidth="1"/>
    <col min="14339" max="14339" width="17.5" style="4" customWidth="1"/>
    <col min="14340" max="14340" width="7.5" style="4" customWidth="1"/>
    <col min="14341" max="14341" width="10.625" style="4" customWidth="1"/>
    <col min="14342" max="14342" width="13.625" style="4" customWidth="1"/>
    <col min="14343" max="14343" width="9.5" style="4" customWidth="1"/>
    <col min="14344" max="14344" width="19.375" style="4" customWidth="1"/>
    <col min="14345" max="14345" width="10.125" style="4" customWidth="1"/>
    <col min="14346" max="14346" width="18.375" style="4" customWidth="1"/>
    <col min="14347" max="14347" width="24.375" style="4" customWidth="1"/>
    <col min="14348" max="14592" width="8.875" style="4"/>
    <col min="14593" max="14593" width="14.75" style="4" customWidth="1"/>
    <col min="14594" max="14594" width="16.75" style="4" customWidth="1"/>
    <col min="14595" max="14595" width="17.5" style="4" customWidth="1"/>
    <col min="14596" max="14596" width="7.5" style="4" customWidth="1"/>
    <col min="14597" max="14597" width="10.625" style="4" customWidth="1"/>
    <col min="14598" max="14598" width="13.625" style="4" customWidth="1"/>
    <col min="14599" max="14599" width="9.5" style="4" customWidth="1"/>
    <col min="14600" max="14600" width="19.375" style="4" customWidth="1"/>
    <col min="14601" max="14601" width="10.125" style="4" customWidth="1"/>
    <col min="14602" max="14602" width="18.375" style="4" customWidth="1"/>
    <col min="14603" max="14603" width="24.375" style="4" customWidth="1"/>
    <col min="14604" max="14848" width="8.875" style="4"/>
    <col min="14849" max="14849" width="14.75" style="4" customWidth="1"/>
    <col min="14850" max="14850" width="16.75" style="4" customWidth="1"/>
    <col min="14851" max="14851" width="17.5" style="4" customWidth="1"/>
    <col min="14852" max="14852" width="7.5" style="4" customWidth="1"/>
    <col min="14853" max="14853" width="10.625" style="4" customWidth="1"/>
    <col min="14854" max="14854" width="13.625" style="4" customWidth="1"/>
    <col min="14855" max="14855" width="9.5" style="4" customWidth="1"/>
    <col min="14856" max="14856" width="19.375" style="4" customWidth="1"/>
    <col min="14857" max="14857" width="10.125" style="4" customWidth="1"/>
    <col min="14858" max="14858" width="18.375" style="4" customWidth="1"/>
    <col min="14859" max="14859" width="24.375" style="4" customWidth="1"/>
    <col min="14860" max="15104" width="8.875" style="4"/>
    <col min="15105" max="15105" width="14.75" style="4" customWidth="1"/>
    <col min="15106" max="15106" width="16.75" style="4" customWidth="1"/>
    <col min="15107" max="15107" width="17.5" style="4" customWidth="1"/>
    <col min="15108" max="15108" width="7.5" style="4" customWidth="1"/>
    <col min="15109" max="15109" width="10.625" style="4" customWidth="1"/>
    <col min="15110" max="15110" width="13.625" style="4" customWidth="1"/>
    <col min="15111" max="15111" width="9.5" style="4" customWidth="1"/>
    <col min="15112" max="15112" width="19.375" style="4" customWidth="1"/>
    <col min="15113" max="15113" width="10.125" style="4" customWidth="1"/>
    <col min="15114" max="15114" width="18.375" style="4" customWidth="1"/>
    <col min="15115" max="15115" width="24.375" style="4" customWidth="1"/>
    <col min="15116" max="15360" width="8.875" style="4"/>
    <col min="15361" max="15361" width="14.75" style="4" customWidth="1"/>
    <col min="15362" max="15362" width="16.75" style="4" customWidth="1"/>
    <col min="15363" max="15363" width="17.5" style="4" customWidth="1"/>
    <col min="15364" max="15364" width="7.5" style="4" customWidth="1"/>
    <col min="15365" max="15365" width="10.625" style="4" customWidth="1"/>
    <col min="15366" max="15366" width="13.625" style="4" customWidth="1"/>
    <col min="15367" max="15367" width="9.5" style="4" customWidth="1"/>
    <col min="15368" max="15368" width="19.375" style="4" customWidth="1"/>
    <col min="15369" max="15369" width="10.125" style="4" customWidth="1"/>
    <col min="15370" max="15370" width="18.375" style="4" customWidth="1"/>
    <col min="15371" max="15371" width="24.375" style="4" customWidth="1"/>
    <col min="15372" max="15616" width="8.875" style="4"/>
    <col min="15617" max="15617" width="14.75" style="4" customWidth="1"/>
    <col min="15618" max="15618" width="16.75" style="4" customWidth="1"/>
    <col min="15619" max="15619" width="17.5" style="4" customWidth="1"/>
    <col min="15620" max="15620" width="7.5" style="4" customWidth="1"/>
    <col min="15621" max="15621" width="10.625" style="4" customWidth="1"/>
    <col min="15622" max="15622" width="13.625" style="4" customWidth="1"/>
    <col min="15623" max="15623" width="9.5" style="4" customWidth="1"/>
    <col min="15624" max="15624" width="19.375" style="4" customWidth="1"/>
    <col min="15625" max="15625" width="10.125" style="4" customWidth="1"/>
    <col min="15626" max="15626" width="18.375" style="4" customWidth="1"/>
    <col min="15627" max="15627" width="24.375" style="4" customWidth="1"/>
    <col min="15628" max="15872" width="8.875" style="4"/>
    <col min="15873" max="15873" width="14.75" style="4" customWidth="1"/>
    <col min="15874" max="15874" width="16.75" style="4" customWidth="1"/>
    <col min="15875" max="15875" width="17.5" style="4" customWidth="1"/>
    <col min="15876" max="15876" width="7.5" style="4" customWidth="1"/>
    <col min="15877" max="15877" width="10.625" style="4" customWidth="1"/>
    <col min="15878" max="15878" width="13.625" style="4" customWidth="1"/>
    <col min="15879" max="15879" width="9.5" style="4" customWidth="1"/>
    <col min="15880" max="15880" width="19.375" style="4" customWidth="1"/>
    <col min="15881" max="15881" width="10.125" style="4" customWidth="1"/>
    <col min="15882" max="15882" width="18.375" style="4" customWidth="1"/>
    <col min="15883" max="15883" width="24.375" style="4" customWidth="1"/>
    <col min="15884" max="16128" width="8.875" style="4"/>
    <col min="16129" max="16129" width="14.75" style="4" customWidth="1"/>
    <col min="16130" max="16130" width="16.75" style="4" customWidth="1"/>
    <col min="16131" max="16131" width="17.5" style="4" customWidth="1"/>
    <col min="16132" max="16132" width="7.5" style="4" customWidth="1"/>
    <col min="16133" max="16133" width="10.625" style="4" customWidth="1"/>
    <col min="16134" max="16134" width="13.625" style="4" customWidth="1"/>
    <col min="16135" max="16135" width="9.5" style="4" customWidth="1"/>
    <col min="16136" max="16136" width="19.375" style="4" customWidth="1"/>
    <col min="16137" max="16137" width="10.125" style="4" customWidth="1"/>
    <col min="16138" max="16138" width="18.375" style="4" customWidth="1"/>
    <col min="16139" max="16139" width="24.375" style="4" customWidth="1"/>
    <col min="16140" max="16384" width="8.875" style="4"/>
  </cols>
  <sheetData>
    <row r="1" spans="1:19" ht="98.25" customHeight="1" x14ac:dyDescent="0.15">
      <c r="A1" s="16"/>
      <c r="B1" s="16"/>
      <c r="C1" s="16"/>
      <c r="D1" s="16"/>
      <c r="E1" s="16"/>
      <c r="F1" s="16"/>
      <c r="G1" s="16"/>
      <c r="H1" s="48"/>
      <c r="I1" s="48"/>
      <c r="J1" s="48"/>
      <c r="K1" s="48"/>
    </row>
    <row r="2" spans="1:19" ht="59.25" customHeight="1" thickBot="1" x14ac:dyDescent="0.2">
      <c r="A2" s="49" t="s">
        <v>22</v>
      </c>
      <c r="B2" s="50"/>
      <c r="C2" s="50"/>
      <c r="D2" s="50"/>
      <c r="E2" s="50"/>
      <c r="F2" s="50"/>
      <c r="G2" s="50"/>
      <c r="H2" s="50"/>
      <c r="I2" s="50"/>
      <c r="J2" s="50"/>
      <c r="K2" s="50"/>
    </row>
    <row r="3" spans="1:19" ht="26.25" customHeight="1" x14ac:dyDescent="0.15">
      <c r="A3" s="17" t="s">
        <v>15</v>
      </c>
      <c r="B3" s="51"/>
      <c r="C3" s="51"/>
      <c r="D3" s="52" t="s">
        <v>0</v>
      </c>
      <c r="E3" s="54" t="s">
        <v>1</v>
      </c>
      <c r="F3" s="54" t="s">
        <v>2</v>
      </c>
      <c r="G3" s="56" t="s">
        <v>3</v>
      </c>
      <c r="H3" s="57"/>
      <c r="I3" s="60" t="s">
        <v>4</v>
      </c>
      <c r="J3" s="60"/>
      <c r="K3" s="61"/>
    </row>
    <row r="4" spans="1:19" ht="43.5" customHeight="1" x14ac:dyDescent="0.15">
      <c r="A4" s="18" t="s">
        <v>5</v>
      </c>
      <c r="B4" s="65"/>
      <c r="C4" s="65"/>
      <c r="D4" s="53"/>
      <c r="E4" s="53"/>
      <c r="F4" s="55"/>
      <c r="G4" s="58"/>
      <c r="H4" s="59"/>
      <c r="I4" s="62"/>
      <c r="J4" s="63"/>
      <c r="K4" s="64"/>
    </row>
    <row r="5" spans="1:19" ht="121.5" customHeight="1" x14ac:dyDescent="0.15">
      <c r="A5" s="71" t="s">
        <v>6</v>
      </c>
      <c r="B5" s="19" t="s">
        <v>27</v>
      </c>
      <c r="C5" s="73" t="s">
        <v>23</v>
      </c>
      <c r="D5" s="74"/>
      <c r="E5" s="74"/>
      <c r="F5" s="74"/>
      <c r="G5" s="74"/>
      <c r="H5" s="74"/>
      <c r="I5" s="74"/>
      <c r="J5" s="74"/>
      <c r="K5" s="75"/>
      <c r="L5" s="5"/>
      <c r="N5" s="5"/>
    </row>
    <row r="6" spans="1:19" ht="64.5" customHeight="1" thickBot="1" x14ac:dyDescent="0.2">
      <c r="A6" s="72"/>
      <c r="B6" s="20" t="s">
        <v>28</v>
      </c>
      <c r="C6" s="76" t="s">
        <v>21</v>
      </c>
      <c r="D6" s="77"/>
      <c r="E6" s="77"/>
      <c r="F6" s="77"/>
      <c r="G6" s="77"/>
      <c r="H6" s="77"/>
      <c r="I6" s="77"/>
      <c r="J6" s="77"/>
      <c r="K6" s="78"/>
      <c r="L6" s="6"/>
      <c r="M6" s="7"/>
      <c r="N6" s="7"/>
      <c r="O6" s="8"/>
      <c r="P6" s="8"/>
      <c r="Q6" s="8"/>
    </row>
    <row r="7" spans="1:19" ht="45" customHeight="1" x14ac:dyDescent="0.15">
      <c r="A7" s="79" t="s">
        <v>7</v>
      </c>
      <c r="B7" s="80"/>
      <c r="C7" s="80"/>
      <c r="D7" s="80"/>
      <c r="E7" s="80"/>
      <c r="F7" s="80"/>
      <c r="G7" s="80"/>
      <c r="H7" s="80"/>
      <c r="I7" s="80"/>
      <c r="J7" s="80"/>
      <c r="K7" s="81"/>
      <c r="L7" s="7"/>
      <c r="M7" s="7"/>
      <c r="N7" s="7"/>
      <c r="O7" s="8"/>
      <c r="P7" s="8"/>
      <c r="Q7" s="8"/>
    </row>
    <row r="8" spans="1:19" ht="45" customHeight="1" x14ac:dyDescent="0.15">
      <c r="A8" s="82" t="s">
        <v>24</v>
      </c>
      <c r="B8" s="83"/>
      <c r="C8" s="83"/>
      <c r="D8" s="83"/>
      <c r="E8" s="83"/>
      <c r="F8" s="83"/>
      <c r="G8" s="83"/>
      <c r="H8" s="83"/>
      <c r="I8" s="83"/>
      <c r="J8" s="83"/>
      <c r="K8" s="84"/>
      <c r="L8" s="7"/>
      <c r="M8" s="7"/>
      <c r="N8" s="7"/>
      <c r="O8" s="8"/>
      <c r="P8" s="8"/>
      <c r="Q8" s="8"/>
      <c r="R8" s="9"/>
      <c r="S8" s="8"/>
    </row>
    <row r="9" spans="1:19" ht="45" customHeight="1" x14ac:dyDescent="0.15">
      <c r="A9" s="85" t="s">
        <v>8</v>
      </c>
      <c r="B9" s="86"/>
      <c r="C9" s="87" t="s">
        <v>16</v>
      </c>
      <c r="D9" s="88"/>
      <c r="E9" s="88"/>
      <c r="F9" s="88"/>
      <c r="G9" s="88"/>
      <c r="H9" s="88"/>
      <c r="I9" s="88"/>
      <c r="J9" s="88"/>
      <c r="K9" s="89"/>
      <c r="L9" s="9"/>
      <c r="M9" s="8"/>
      <c r="N9" s="8"/>
      <c r="O9" s="8"/>
      <c r="P9" s="8"/>
      <c r="Q9" s="8"/>
    </row>
    <row r="10" spans="1:19" ht="45" customHeight="1" x14ac:dyDescent="0.15">
      <c r="A10" s="90" t="s">
        <v>9</v>
      </c>
      <c r="B10" s="91"/>
      <c r="C10" s="62" t="s">
        <v>29</v>
      </c>
      <c r="D10" s="92"/>
      <c r="E10" s="92"/>
      <c r="F10" s="92"/>
      <c r="G10" s="92"/>
      <c r="H10" s="92"/>
      <c r="I10" s="92"/>
      <c r="J10" s="92"/>
      <c r="K10" s="64"/>
      <c r="L10" s="9"/>
      <c r="M10" s="8"/>
      <c r="N10" s="8"/>
      <c r="O10" s="8"/>
      <c r="P10" s="8"/>
      <c r="Q10" s="8"/>
    </row>
    <row r="11" spans="1:19" ht="45" customHeight="1" x14ac:dyDescent="0.15">
      <c r="A11" s="90" t="s">
        <v>10</v>
      </c>
      <c r="B11" s="91"/>
      <c r="C11" s="62" t="s">
        <v>17</v>
      </c>
      <c r="D11" s="92"/>
      <c r="E11" s="92"/>
      <c r="F11" s="92"/>
      <c r="G11" s="92"/>
      <c r="H11" s="92"/>
      <c r="I11" s="92"/>
      <c r="J11" s="92"/>
      <c r="K11" s="64"/>
      <c r="L11" s="9"/>
      <c r="M11" s="8"/>
      <c r="N11" s="8"/>
      <c r="O11" s="8"/>
      <c r="P11" s="8"/>
      <c r="Q11" s="8"/>
    </row>
    <row r="12" spans="1:19" ht="45" customHeight="1" x14ac:dyDescent="0.15">
      <c r="A12" s="21" t="s">
        <v>18</v>
      </c>
      <c r="B12" s="22"/>
      <c r="C12" s="93" t="s">
        <v>19</v>
      </c>
      <c r="D12" s="94"/>
      <c r="E12" s="94"/>
      <c r="F12" s="94"/>
      <c r="G12" s="94"/>
      <c r="H12" s="94"/>
      <c r="I12" s="94"/>
      <c r="J12" s="94"/>
      <c r="K12" s="95"/>
      <c r="L12" s="9"/>
      <c r="M12" s="8"/>
      <c r="N12" s="8"/>
      <c r="O12" s="8"/>
      <c r="P12" s="8"/>
      <c r="Q12" s="8"/>
    </row>
    <row r="13" spans="1:19" ht="348.75" customHeight="1" thickBot="1" x14ac:dyDescent="0.2">
      <c r="A13" s="66" t="s">
        <v>11</v>
      </c>
      <c r="B13" s="67"/>
      <c r="C13" s="68" t="s">
        <v>25</v>
      </c>
      <c r="D13" s="69"/>
      <c r="E13" s="69"/>
      <c r="F13" s="69"/>
      <c r="G13" s="69"/>
      <c r="H13" s="69"/>
      <c r="I13" s="69"/>
      <c r="J13" s="69"/>
      <c r="K13" s="70"/>
      <c r="L13" s="14"/>
      <c r="M13" s="15"/>
      <c r="N13" s="15"/>
      <c r="O13" s="14"/>
      <c r="P13" s="14"/>
    </row>
    <row r="14" spans="1:19" ht="45" customHeight="1" x14ac:dyDescent="0.15">
      <c r="A14" s="102" t="s">
        <v>12</v>
      </c>
      <c r="B14" s="103"/>
      <c r="C14" s="103"/>
      <c r="D14" s="103"/>
      <c r="E14" s="103"/>
      <c r="F14" s="103"/>
      <c r="G14" s="103"/>
      <c r="H14" s="103"/>
      <c r="I14" s="103"/>
      <c r="J14" s="103"/>
      <c r="K14" s="104"/>
      <c r="L14" s="14"/>
      <c r="M14" s="15"/>
      <c r="N14" s="15"/>
      <c r="O14" s="14"/>
      <c r="P14" s="14"/>
    </row>
    <row r="15" spans="1:19" ht="45" customHeight="1" thickBot="1" x14ac:dyDescent="0.2">
      <c r="A15" s="105" t="s">
        <v>13</v>
      </c>
      <c r="B15" s="106"/>
      <c r="C15" s="107" t="s">
        <v>14</v>
      </c>
      <c r="D15" s="108"/>
      <c r="E15" s="108"/>
      <c r="F15" s="108"/>
      <c r="G15" s="108"/>
      <c r="H15" s="108"/>
      <c r="I15" s="108"/>
      <c r="J15" s="108"/>
      <c r="K15" s="109"/>
      <c r="L15" s="14"/>
      <c r="M15" s="15"/>
      <c r="N15" s="15"/>
      <c r="O15" s="14"/>
      <c r="P15" s="14"/>
    </row>
    <row r="16" spans="1:19" ht="29.25" customHeight="1" x14ac:dyDescent="0.15">
      <c r="A16" s="110" t="s">
        <v>20</v>
      </c>
      <c r="B16" s="111"/>
      <c r="C16" s="111"/>
      <c r="D16" s="111"/>
      <c r="E16" s="111"/>
      <c r="F16" s="111"/>
      <c r="G16" s="111"/>
      <c r="H16" s="111"/>
      <c r="I16" s="111"/>
      <c r="J16" s="111"/>
      <c r="K16" s="112"/>
      <c r="L16" s="14"/>
      <c r="M16" s="15"/>
      <c r="N16" s="15"/>
      <c r="O16" s="14"/>
      <c r="P16" s="14"/>
    </row>
    <row r="17" spans="1:17" ht="39.75" customHeight="1" x14ac:dyDescent="0.15">
      <c r="A17" s="110"/>
      <c r="B17" s="111"/>
      <c r="C17" s="111"/>
      <c r="D17" s="111"/>
      <c r="E17" s="111"/>
      <c r="F17" s="111"/>
      <c r="G17" s="111"/>
      <c r="H17" s="111"/>
      <c r="I17" s="111"/>
      <c r="J17" s="111"/>
      <c r="K17" s="112"/>
      <c r="L17" s="14"/>
      <c r="M17" s="15"/>
      <c r="N17" s="15"/>
      <c r="O17" s="14"/>
      <c r="P17" s="14"/>
    </row>
    <row r="18" spans="1:17" ht="72" customHeight="1" x14ac:dyDescent="0.15">
      <c r="A18" s="110"/>
      <c r="B18" s="111"/>
      <c r="C18" s="111"/>
      <c r="D18" s="111"/>
      <c r="E18" s="111"/>
      <c r="F18" s="111"/>
      <c r="G18" s="111"/>
      <c r="H18" s="111"/>
      <c r="I18" s="111"/>
      <c r="J18" s="111"/>
      <c r="K18" s="112"/>
      <c r="L18" s="14"/>
      <c r="M18" s="14"/>
      <c r="N18" s="14"/>
      <c r="O18" s="96"/>
      <c r="P18" s="96"/>
    </row>
    <row r="19" spans="1:17" ht="57.75" customHeight="1" thickBot="1" x14ac:dyDescent="0.2">
      <c r="A19" s="113"/>
      <c r="B19" s="114"/>
      <c r="C19" s="114"/>
      <c r="D19" s="114"/>
      <c r="E19" s="114"/>
      <c r="F19" s="114"/>
      <c r="G19" s="114"/>
      <c r="H19" s="114"/>
      <c r="I19" s="114"/>
      <c r="J19" s="114"/>
      <c r="K19" s="115"/>
    </row>
    <row r="20" spans="1:17" ht="113.25" customHeight="1" x14ac:dyDescent="0.15">
      <c r="A20" s="116" t="s">
        <v>26</v>
      </c>
      <c r="B20" s="116"/>
      <c r="C20" s="116"/>
      <c r="D20" s="116"/>
      <c r="E20" s="116"/>
      <c r="F20" s="116"/>
      <c r="G20" s="116"/>
      <c r="H20" s="116"/>
      <c r="I20" s="116"/>
      <c r="J20" s="116"/>
      <c r="K20" s="116"/>
      <c r="M20" s="14"/>
      <c r="N20" s="14"/>
      <c r="O20" s="14"/>
      <c r="P20" s="14"/>
      <c r="Q20" s="14"/>
    </row>
    <row r="21" spans="1:17" ht="48" customHeight="1" x14ac:dyDescent="0.15">
      <c r="A21" s="117"/>
      <c r="B21" s="117"/>
      <c r="C21" s="117"/>
      <c r="D21" s="117"/>
      <c r="E21" s="117"/>
      <c r="F21" s="117"/>
      <c r="G21" s="117"/>
      <c r="H21" s="117"/>
      <c r="I21" s="117"/>
      <c r="J21" s="117"/>
      <c r="K21" s="117"/>
      <c r="M21" s="14"/>
      <c r="N21" s="15"/>
      <c r="O21" s="15"/>
      <c r="P21" s="15"/>
      <c r="Q21" s="15"/>
    </row>
    <row r="22" spans="1:17" ht="15.75" customHeight="1" x14ac:dyDescent="0.15">
      <c r="A22" s="117"/>
      <c r="B22" s="117"/>
      <c r="C22" s="117"/>
      <c r="D22" s="117"/>
      <c r="E22" s="117"/>
      <c r="F22" s="117"/>
      <c r="G22" s="117"/>
      <c r="H22" s="117"/>
      <c r="I22" s="117"/>
      <c r="J22" s="117"/>
      <c r="K22" s="117"/>
      <c r="M22" s="10"/>
      <c r="N22" s="15"/>
      <c r="O22" s="15"/>
      <c r="P22" s="15"/>
      <c r="Q22" s="15"/>
    </row>
    <row r="23" spans="1:17" ht="21" customHeight="1" x14ac:dyDescent="0.15">
      <c r="A23" s="11"/>
      <c r="B23" s="11"/>
      <c r="C23" s="11"/>
      <c r="D23" s="11"/>
      <c r="E23" s="11"/>
      <c r="F23" s="11"/>
      <c r="G23" s="11"/>
      <c r="H23" s="11"/>
      <c r="I23" s="11"/>
      <c r="J23" s="11"/>
      <c r="K23" s="11"/>
      <c r="M23" s="96"/>
      <c r="N23" s="96"/>
      <c r="O23" s="96"/>
      <c r="P23" s="96"/>
      <c r="Q23" s="96"/>
    </row>
    <row r="24" spans="1:17" ht="23.25" customHeight="1" x14ac:dyDescent="0.15">
      <c r="A24" s="97"/>
      <c r="B24" s="97"/>
      <c r="C24" s="97"/>
      <c r="D24" s="97"/>
      <c r="E24" s="97"/>
      <c r="F24" s="97"/>
      <c r="G24" s="97"/>
      <c r="H24" s="97"/>
      <c r="I24" s="97"/>
      <c r="J24" s="97"/>
      <c r="K24" s="97"/>
      <c r="M24" s="98"/>
      <c r="N24" s="99"/>
      <c r="O24" s="99"/>
      <c r="P24" s="99"/>
      <c r="Q24" s="99"/>
    </row>
    <row r="25" spans="1:17" ht="16.5" customHeight="1" x14ac:dyDescent="0.15">
      <c r="A25" s="11"/>
      <c r="B25" s="11"/>
      <c r="C25" s="11"/>
      <c r="D25" s="11"/>
      <c r="E25" s="11"/>
      <c r="F25" s="11"/>
      <c r="G25" s="11"/>
      <c r="H25" s="11"/>
      <c r="I25" s="11"/>
      <c r="J25" s="11"/>
      <c r="K25" s="11"/>
      <c r="M25" s="7"/>
      <c r="N25" s="7"/>
      <c r="O25" s="7"/>
      <c r="P25" s="7"/>
      <c r="Q25" s="7"/>
    </row>
    <row r="26" spans="1:17" ht="16.5" customHeight="1" x14ac:dyDescent="0.15">
      <c r="A26" s="11"/>
      <c r="B26" s="11"/>
      <c r="C26" s="11"/>
      <c r="D26" s="11"/>
      <c r="E26" s="11"/>
      <c r="F26" s="11"/>
      <c r="G26" s="11"/>
      <c r="H26" s="11"/>
      <c r="I26" s="11"/>
      <c r="J26" s="11"/>
      <c r="K26" s="11"/>
      <c r="M26" s="7"/>
      <c r="N26" s="7"/>
      <c r="O26" s="7"/>
      <c r="P26" s="7"/>
      <c r="Q26" s="7"/>
    </row>
    <row r="27" spans="1:17" ht="16.5" customHeight="1" x14ac:dyDescent="0.15">
      <c r="A27" s="11"/>
      <c r="B27" s="11"/>
      <c r="C27" s="11"/>
      <c r="D27" s="11"/>
      <c r="E27" s="11"/>
      <c r="F27" s="11"/>
      <c r="G27" s="11"/>
      <c r="H27" s="11"/>
      <c r="I27" s="11"/>
      <c r="J27" s="11"/>
      <c r="K27" s="11"/>
      <c r="M27" s="12"/>
      <c r="N27" s="5"/>
      <c r="O27" s="5"/>
      <c r="P27" s="5"/>
      <c r="Q27" s="5"/>
    </row>
    <row r="28" spans="1:17" ht="109.5" customHeight="1" x14ac:dyDescent="0.15">
      <c r="A28" s="11"/>
      <c r="B28" s="11"/>
      <c r="C28" s="11"/>
      <c r="D28" s="11"/>
      <c r="E28" s="11"/>
      <c r="F28" s="11"/>
      <c r="G28" s="11"/>
      <c r="H28" s="11"/>
      <c r="I28" s="11"/>
      <c r="J28" s="11"/>
      <c r="K28" s="11"/>
      <c r="M28" s="13"/>
      <c r="N28" s="7"/>
      <c r="O28" s="7"/>
      <c r="P28" s="7"/>
      <c r="Q28" s="7"/>
    </row>
    <row r="29" spans="1:17" ht="16.5" customHeight="1" x14ac:dyDescent="0.15">
      <c r="A29" s="11"/>
      <c r="B29" s="11"/>
      <c r="C29" s="11"/>
      <c r="D29" s="11"/>
      <c r="E29" s="11"/>
      <c r="F29" s="11"/>
      <c r="G29" s="11"/>
      <c r="H29" s="11"/>
      <c r="I29" s="11"/>
      <c r="J29" s="11"/>
      <c r="K29" s="11"/>
      <c r="M29" s="5"/>
      <c r="N29" s="5"/>
      <c r="O29" s="5"/>
      <c r="P29" s="5"/>
      <c r="Q29" s="5"/>
    </row>
    <row r="30" spans="1:17" ht="44.25" customHeight="1" x14ac:dyDescent="0.15">
      <c r="A30" s="11"/>
      <c r="B30" s="11"/>
      <c r="C30" s="11"/>
      <c r="D30" s="11"/>
      <c r="E30" s="11"/>
      <c r="F30" s="11"/>
      <c r="G30" s="11"/>
      <c r="H30" s="11"/>
      <c r="I30" s="11"/>
      <c r="J30" s="11"/>
      <c r="K30" s="11"/>
      <c r="M30" s="5"/>
      <c r="N30" s="5"/>
      <c r="O30" s="5"/>
      <c r="P30" s="5"/>
      <c r="Q30" s="5"/>
    </row>
    <row r="31" spans="1:17" ht="16.5" customHeight="1" x14ac:dyDescent="0.15"/>
    <row r="32" spans="1:17" ht="21" customHeight="1" x14ac:dyDescent="0.15"/>
    <row r="33" spans="12:21" ht="75" customHeight="1" x14ac:dyDescent="0.15"/>
    <row r="34" spans="12:21" ht="23.25" customHeight="1" x14ac:dyDescent="0.15"/>
    <row r="36" spans="12:21" ht="28.5" customHeight="1" x14ac:dyDescent="0.15">
      <c r="N36" s="5"/>
    </row>
    <row r="42" spans="12:21" ht="15" customHeight="1" x14ac:dyDescent="0.15">
      <c r="L42" s="100"/>
      <c r="M42" s="101"/>
      <c r="N42" s="101"/>
      <c r="O42" s="101"/>
      <c r="P42" s="101"/>
      <c r="Q42" s="101"/>
      <c r="R42" s="101"/>
      <c r="S42" s="101"/>
      <c r="T42" s="101"/>
      <c r="U42" s="101"/>
    </row>
    <row r="43" spans="12:21" ht="57.75" customHeight="1" x14ac:dyDescent="0.15">
      <c r="L43" s="101"/>
      <c r="M43" s="101"/>
      <c r="N43" s="101"/>
      <c r="O43" s="101"/>
      <c r="P43" s="101"/>
      <c r="Q43" s="101"/>
      <c r="R43" s="101"/>
      <c r="S43" s="101"/>
      <c r="T43" s="101"/>
      <c r="U43" s="101"/>
    </row>
    <row r="44" spans="12:21" x14ac:dyDescent="0.15">
      <c r="L44" s="101"/>
      <c r="M44" s="101"/>
      <c r="N44" s="101"/>
      <c r="O44" s="101"/>
      <c r="P44" s="101"/>
      <c r="Q44" s="101"/>
      <c r="R44" s="101"/>
      <c r="S44" s="101"/>
      <c r="T44" s="101"/>
      <c r="U44" s="101"/>
    </row>
    <row r="45" spans="12:21" x14ac:dyDescent="0.15">
      <c r="L45" s="101"/>
      <c r="M45" s="101"/>
      <c r="N45" s="101"/>
      <c r="O45" s="101"/>
      <c r="P45" s="101"/>
      <c r="Q45" s="101"/>
      <c r="R45" s="101"/>
      <c r="S45" s="101"/>
      <c r="T45" s="101"/>
      <c r="U45" s="101"/>
    </row>
    <row r="46" spans="12:21" ht="18" customHeight="1" x14ac:dyDescent="0.15"/>
  </sheetData>
  <mergeCells count="33">
    <mergeCell ref="M23:Q23"/>
    <mergeCell ref="A24:K24"/>
    <mergeCell ref="M24:Q24"/>
    <mergeCell ref="L42:U45"/>
    <mergeCell ref="A14:K14"/>
    <mergeCell ref="A15:B15"/>
    <mergeCell ref="C15:K15"/>
    <mergeCell ref="A16:K19"/>
    <mergeCell ref="O18:P18"/>
    <mergeCell ref="A20:K22"/>
    <mergeCell ref="A13:B13"/>
    <mergeCell ref="C13:K13"/>
    <mergeCell ref="A5:A6"/>
    <mergeCell ref="C5:K5"/>
    <mergeCell ref="C6:K6"/>
    <mergeCell ref="A7:K7"/>
    <mergeCell ref="A8:K8"/>
    <mergeCell ref="A9:B9"/>
    <mergeCell ref="C9:K9"/>
    <mergeCell ref="A10:B10"/>
    <mergeCell ref="C10:K10"/>
    <mergeCell ref="A11:B11"/>
    <mergeCell ref="C11:K11"/>
    <mergeCell ref="C12:K12"/>
    <mergeCell ref="H1:K1"/>
    <mergeCell ref="A2:K2"/>
    <mergeCell ref="B3:C3"/>
    <mergeCell ref="D3:D4"/>
    <mergeCell ref="E3:E4"/>
    <mergeCell ref="F3:F4"/>
    <mergeCell ref="G3:H4"/>
    <mergeCell ref="I3:K4"/>
    <mergeCell ref="B4:C4"/>
  </mergeCells>
  <phoneticPr fontId="3"/>
  <printOptions horizontalCentered="1" verticalCentered="1"/>
  <pageMargins left="0.62992125984251968" right="0.39370078740157483" top="0.74803149606299213" bottom="0.74803149606299213" header="0.31496062992125984" footer="0.31496062992125984"/>
  <pageSetup paperSize="9" scale="54"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U50"/>
  <sheetViews>
    <sheetView tabSelected="1" view="pageBreakPreview" zoomScale="70" zoomScaleNormal="70" zoomScaleSheetLayoutView="70" workbookViewId="0">
      <selection activeCell="C5" sqref="C5:K5"/>
    </sheetView>
  </sheetViews>
  <sheetFormatPr defaultColWidth="8.875" defaultRowHeight="13.5" x14ac:dyDescent="0.15"/>
  <cols>
    <col min="1" max="1" width="18.75" style="4" customWidth="1"/>
    <col min="2" max="2" width="16.75" style="4" customWidth="1"/>
    <col min="3" max="3" width="17.5" style="4" customWidth="1"/>
    <col min="4" max="4" width="7.5" style="4" customWidth="1"/>
    <col min="5" max="5" width="10.625" style="4" customWidth="1"/>
    <col min="6" max="6" width="13.625" style="4" customWidth="1"/>
    <col min="7" max="7" width="9.5" style="4" customWidth="1"/>
    <col min="8" max="8" width="19.375" style="4" customWidth="1"/>
    <col min="9" max="9" width="10.125" style="4" customWidth="1"/>
    <col min="10" max="10" width="18.375" style="4" customWidth="1"/>
    <col min="11" max="11" width="28.875" style="4" customWidth="1"/>
    <col min="12" max="256" width="8.875" style="4"/>
    <col min="257" max="257" width="14.75" style="4" customWidth="1"/>
    <col min="258" max="258" width="16.75" style="4" customWidth="1"/>
    <col min="259" max="259" width="17.5" style="4" customWidth="1"/>
    <col min="260" max="260" width="7.5" style="4" customWidth="1"/>
    <col min="261" max="261" width="10.625" style="4" customWidth="1"/>
    <col min="262" max="262" width="13.625" style="4" customWidth="1"/>
    <col min="263" max="263" width="9.5" style="4" customWidth="1"/>
    <col min="264" max="264" width="19.375" style="4" customWidth="1"/>
    <col min="265" max="265" width="10.125" style="4" customWidth="1"/>
    <col min="266" max="266" width="18.375" style="4" customWidth="1"/>
    <col min="267" max="267" width="24.375" style="4" customWidth="1"/>
    <col min="268" max="512" width="8.875" style="4"/>
    <col min="513" max="513" width="14.75" style="4" customWidth="1"/>
    <col min="514" max="514" width="16.75" style="4" customWidth="1"/>
    <col min="515" max="515" width="17.5" style="4" customWidth="1"/>
    <col min="516" max="516" width="7.5" style="4" customWidth="1"/>
    <col min="517" max="517" width="10.625" style="4" customWidth="1"/>
    <col min="518" max="518" width="13.625" style="4" customWidth="1"/>
    <col min="519" max="519" width="9.5" style="4" customWidth="1"/>
    <col min="520" max="520" width="19.375" style="4" customWidth="1"/>
    <col min="521" max="521" width="10.125" style="4" customWidth="1"/>
    <col min="522" max="522" width="18.375" style="4" customWidth="1"/>
    <col min="523" max="523" width="24.375" style="4" customWidth="1"/>
    <col min="524" max="768" width="8.875" style="4"/>
    <col min="769" max="769" width="14.75" style="4" customWidth="1"/>
    <col min="770" max="770" width="16.75" style="4" customWidth="1"/>
    <col min="771" max="771" width="17.5" style="4" customWidth="1"/>
    <col min="772" max="772" width="7.5" style="4" customWidth="1"/>
    <col min="773" max="773" width="10.625" style="4" customWidth="1"/>
    <col min="774" max="774" width="13.625" style="4" customWidth="1"/>
    <col min="775" max="775" width="9.5" style="4" customWidth="1"/>
    <col min="776" max="776" width="19.375" style="4" customWidth="1"/>
    <col min="777" max="777" width="10.125" style="4" customWidth="1"/>
    <col min="778" max="778" width="18.375" style="4" customWidth="1"/>
    <col min="779" max="779" width="24.375" style="4" customWidth="1"/>
    <col min="780" max="1024" width="8.875" style="4"/>
    <col min="1025" max="1025" width="14.75" style="4" customWidth="1"/>
    <col min="1026" max="1026" width="16.75" style="4" customWidth="1"/>
    <col min="1027" max="1027" width="17.5" style="4" customWidth="1"/>
    <col min="1028" max="1028" width="7.5" style="4" customWidth="1"/>
    <col min="1029" max="1029" width="10.625" style="4" customWidth="1"/>
    <col min="1030" max="1030" width="13.625" style="4" customWidth="1"/>
    <col min="1031" max="1031" width="9.5" style="4" customWidth="1"/>
    <col min="1032" max="1032" width="19.375" style="4" customWidth="1"/>
    <col min="1033" max="1033" width="10.125" style="4" customWidth="1"/>
    <col min="1034" max="1034" width="18.375" style="4" customWidth="1"/>
    <col min="1035" max="1035" width="24.375" style="4" customWidth="1"/>
    <col min="1036" max="1280" width="8.875" style="4"/>
    <col min="1281" max="1281" width="14.75" style="4" customWidth="1"/>
    <col min="1282" max="1282" width="16.75" style="4" customWidth="1"/>
    <col min="1283" max="1283" width="17.5" style="4" customWidth="1"/>
    <col min="1284" max="1284" width="7.5" style="4" customWidth="1"/>
    <col min="1285" max="1285" width="10.625" style="4" customWidth="1"/>
    <col min="1286" max="1286" width="13.625" style="4" customWidth="1"/>
    <col min="1287" max="1287" width="9.5" style="4" customWidth="1"/>
    <col min="1288" max="1288" width="19.375" style="4" customWidth="1"/>
    <col min="1289" max="1289" width="10.125" style="4" customWidth="1"/>
    <col min="1290" max="1290" width="18.375" style="4" customWidth="1"/>
    <col min="1291" max="1291" width="24.375" style="4" customWidth="1"/>
    <col min="1292" max="1536" width="8.875" style="4"/>
    <col min="1537" max="1537" width="14.75" style="4" customWidth="1"/>
    <col min="1538" max="1538" width="16.75" style="4" customWidth="1"/>
    <col min="1539" max="1539" width="17.5" style="4" customWidth="1"/>
    <col min="1540" max="1540" width="7.5" style="4" customWidth="1"/>
    <col min="1541" max="1541" width="10.625" style="4" customWidth="1"/>
    <col min="1542" max="1542" width="13.625" style="4" customWidth="1"/>
    <col min="1543" max="1543" width="9.5" style="4" customWidth="1"/>
    <col min="1544" max="1544" width="19.375" style="4" customWidth="1"/>
    <col min="1545" max="1545" width="10.125" style="4" customWidth="1"/>
    <col min="1546" max="1546" width="18.375" style="4" customWidth="1"/>
    <col min="1547" max="1547" width="24.375" style="4" customWidth="1"/>
    <col min="1548" max="1792" width="8.875" style="4"/>
    <col min="1793" max="1793" width="14.75" style="4" customWidth="1"/>
    <col min="1794" max="1794" width="16.75" style="4" customWidth="1"/>
    <col min="1795" max="1795" width="17.5" style="4" customWidth="1"/>
    <col min="1796" max="1796" width="7.5" style="4" customWidth="1"/>
    <col min="1797" max="1797" width="10.625" style="4" customWidth="1"/>
    <col min="1798" max="1798" width="13.625" style="4" customWidth="1"/>
    <col min="1799" max="1799" width="9.5" style="4" customWidth="1"/>
    <col min="1800" max="1800" width="19.375" style="4" customWidth="1"/>
    <col min="1801" max="1801" width="10.125" style="4" customWidth="1"/>
    <col min="1802" max="1802" width="18.375" style="4" customWidth="1"/>
    <col min="1803" max="1803" width="24.375" style="4" customWidth="1"/>
    <col min="1804" max="2048" width="8.875" style="4"/>
    <col min="2049" max="2049" width="14.75" style="4" customWidth="1"/>
    <col min="2050" max="2050" width="16.75" style="4" customWidth="1"/>
    <col min="2051" max="2051" width="17.5" style="4" customWidth="1"/>
    <col min="2052" max="2052" width="7.5" style="4" customWidth="1"/>
    <col min="2053" max="2053" width="10.625" style="4" customWidth="1"/>
    <col min="2054" max="2054" width="13.625" style="4" customWidth="1"/>
    <col min="2055" max="2055" width="9.5" style="4" customWidth="1"/>
    <col min="2056" max="2056" width="19.375" style="4" customWidth="1"/>
    <col min="2057" max="2057" width="10.125" style="4" customWidth="1"/>
    <col min="2058" max="2058" width="18.375" style="4" customWidth="1"/>
    <col min="2059" max="2059" width="24.375" style="4" customWidth="1"/>
    <col min="2060" max="2304" width="8.875" style="4"/>
    <col min="2305" max="2305" width="14.75" style="4" customWidth="1"/>
    <col min="2306" max="2306" width="16.75" style="4" customWidth="1"/>
    <col min="2307" max="2307" width="17.5" style="4" customWidth="1"/>
    <col min="2308" max="2308" width="7.5" style="4" customWidth="1"/>
    <col min="2309" max="2309" width="10.625" style="4" customWidth="1"/>
    <col min="2310" max="2310" width="13.625" style="4" customWidth="1"/>
    <col min="2311" max="2311" width="9.5" style="4" customWidth="1"/>
    <col min="2312" max="2312" width="19.375" style="4" customWidth="1"/>
    <col min="2313" max="2313" width="10.125" style="4" customWidth="1"/>
    <col min="2314" max="2314" width="18.375" style="4" customWidth="1"/>
    <col min="2315" max="2315" width="24.375" style="4" customWidth="1"/>
    <col min="2316" max="2560" width="8.875" style="4"/>
    <col min="2561" max="2561" width="14.75" style="4" customWidth="1"/>
    <col min="2562" max="2562" width="16.75" style="4" customWidth="1"/>
    <col min="2563" max="2563" width="17.5" style="4" customWidth="1"/>
    <col min="2564" max="2564" width="7.5" style="4" customWidth="1"/>
    <col min="2565" max="2565" width="10.625" style="4" customWidth="1"/>
    <col min="2566" max="2566" width="13.625" style="4" customWidth="1"/>
    <col min="2567" max="2567" width="9.5" style="4" customWidth="1"/>
    <col min="2568" max="2568" width="19.375" style="4" customWidth="1"/>
    <col min="2569" max="2569" width="10.125" style="4" customWidth="1"/>
    <col min="2570" max="2570" width="18.375" style="4" customWidth="1"/>
    <col min="2571" max="2571" width="24.375" style="4" customWidth="1"/>
    <col min="2572" max="2816" width="8.875" style="4"/>
    <col min="2817" max="2817" width="14.75" style="4" customWidth="1"/>
    <col min="2818" max="2818" width="16.75" style="4" customWidth="1"/>
    <col min="2819" max="2819" width="17.5" style="4" customWidth="1"/>
    <col min="2820" max="2820" width="7.5" style="4" customWidth="1"/>
    <col min="2821" max="2821" width="10.625" style="4" customWidth="1"/>
    <col min="2822" max="2822" width="13.625" style="4" customWidth="1"/>
    <col min="2823" max="2823" width="9.5" style="4" customWidth="1"/>
    <col min="2824" max="2824" width="19.375" style="4" customWidth="1"/>
    <col min="2825" max="2825" width="10.125" style="4" customWidth="1"/>
    <col min="2826" max="2826" width="18.375" style="4" customWidth="1"/>
    <col min="2827" max="2827" width="24.375" style="4" customWidth="1"/>
    <col min="2828" max="3072" width="8.875" style="4"/>
    <col min="3073" max="3073" width="14.75" style="4" customWidth="1"/>
    <col min="3074" max="3074" width="16.75" style="4" customWidth="1"/>
    <col min="3075" max="3075" width="17.5" style="4" customWidth="1"/>
    <col min="3076" max="3076" width="7.5" style="4" customWidth="1"/>
    <col min="3077" max="3077" width="10.625" style="4" customWidth="1"/>
    <col min="3078" max="3078" width="13.625" style="4" customWidth="1"/>
    <col min="3079" max="3079" width="9.5" style="4" customWidth="1"/>
    <col min="3080" max="3080" width="19.375" style="4" customWidth="1"/>
    <col min="3081" max="3081" width="10.125" style="4" customWidth="1"/>
    <col min="3082" max="3082" width="18.375" style="4" customWidth="1"/>
    <col min="3083" max="3083" width="24.375" style="4" customWidth="1"/>
    <col min="3084" max="3328" width="8.875" style="4"/>
    <col min="3329" max="3329" width="14.75" style="4" customWidth="1"/>
    <col min="3330" max="3330" width="16.75" style="4" customWidth="1"/>
    <col min="3331" max="3331" width="17.5" style="4" customWidth="1"/>
    <col min="3332" max="3332" width="7.5" style="4" customWidth="1"/>
    <col min="3333" max="3333" width="10.625" style="4" customWidth="1"/>
    <col min="3334" max="3334" width="13.625" style="4" customWidth="1"/>
    <col min="3335" max="3335" width="9.5" style="4" customWidth="1"/>
    <col min="3336" max="3336" width="19.375" style="4" customWidth="1"/>
    <col min="3337" max="3337" width="10.125" style="4" customWidth="1"/>
    <col min="3338" max="3338" width="18.375" style="4" customWidth="1"/>
    <col min="3339" max="3339" width="24.375" style="4" customWidth="1"/>
    <col min="3340" max="3584" width="8.875" style="4"/>
    <col min="3585" max="3585" width="14.75" style="4" customWidth="1"/>
    <col min="3586" max="3586" width="16.75" style="4" customWidth="1"/>
    <col min="3587" max="3587" width="17.5" style="4" customWidth="1"/>
    <col min="3588" max="3588" width="7.5" style="4" customWidth="1"/>
    <col min="3589" max="3589" width="10.625" style="4" customWidth="1"/>
    <col min="3590" max="3590" width="13.625" style="4" customWidth="1"/>
    <col min="3591" max="3591" width="9.5" style="4" customWidth="1"/>
    <col min="3592" max="3592" width="19.375" style="4" customWidth="1"/>
    <col min="3593" max="3593" width="10.125" style="4" customWidth="1"/>
    <col min="3594" max="3594" width="18.375" style="4" customWidth="1"/>
    <col min="3595" max="3595" width="24.375" style="4" customWidth="1"/>
    <col min="3596" max="3840" width="8.875" style="4"/>
    <col min="3841" max="3841" width="14.75" style="4" customWidth="1"/>
    <col min="3842" max="3842" width="16.75" style="4" customWidth="1"/>
    <col min="3843" max="3843" width="17.5" style="4" customWidth="1"/>
    <col min="3844" max="3844" width="7.5" style="4" customWidth="1"/>
    <col min="3845" max="3845" width="10.625" style="4" customWidth="1"/>
    <col min="3846" max="3846" width="13.625" style="4" customWidth="1"/>
    <col min="3847" max="3847" width="9.5" style="4" customWidth="1"/>
    <col min="3848" max="3848" width="19.375" style="4" customWidth="1"/>
    <col min="3849" max="3849" width="10.125" style="4" customWidth="1"/>
    <col min="3850" max="3850" width="18.375" style="4" customWidth="1"/>
    <col min="3851" max="3851" width="24.375" style="4" customWidth="1"/>
    <col min="3852" max="4096" width="8.875" style="4"/>
    <col min="4097" max="4097" width="14.75" style="4" customWidth="1"/>
    <col min="4098" max="4098" width="16.75" style="4" customWidth="1"/>
    <col min="4099" max="4099" width="17.5" style="4" customWidth="1"/>
    <col min="4100" max="4100" width="7.5" style="4" customWidth="1"/>
    <col min="4101" max="4101" width="10.625" style="4" customWidth="1"/>
    <col min="4102" max="4102" width="13.625" style="4" customWidth="1"/>
    <col min="4103" max="4103" width="9.5" style="4" customWidth="1"/>
    <col min="4104" max="4104" width="19.375" style="4" customWidth="1"/>
    <col min="4105" max="4105" width="10.125" style="4" customWidth="1"/>
    <col min="4106" max="4106" width="18.375" style="4" customWidth="1"/>
    <col min="4107" max="4107" width="24.375" style="4" customWidth="1"/>
    <col min="4108" max="4352" width="8.875" style="4"/>
    <col min="4353" max="4353" width="14.75" style="4" customWidth="1"/>
    <col min="4354" max="4354" width="16.75" style="4" customWidth="1"/>
    <col min="4355" max="4355" width="17.5" style="4" customWidth="1"/>
    <col min="4356" max="4356" width="7.5" style="4" customWidth="1"/>
    <col min="4357" max="4357" width="10.625" style="4" customWidth="1"/>
    <col min="4358" max="4358" width="13.625" style="4" customWidth="1"/>
    <col min="4359" max="4359" width="9.5" style="4" customWidth="1"/>
    <col min="4360" max="4360" width="19.375" style="4" customWidth="1"/>
    <col min="4361" max="4361" width="10.125" style="4" customWidth="1"/>
    <col min="4362" max="4362" width="18.375" style="4" customWidth="1"/>
    <col min="4363" max="4363" width="24.375" style="4" customWidth="1"/>
    <col min="4364" max="4608" width="8.875" style="4"/>
    <col min="4609" max="4609" width="14.75" style="4" customWidth="1"/>
    <col min="4610" max="4610" width="16.75" style="4" customWidth="1"/>
    <col min="4611" max="4611" width="17.5" style="4" customWidth="1"/>
    <col min="4612" max="4612" width="7.5" style="4" customWidth="1"/>
    <col min="4613" max="4613" width="10.625" style="4" customWidth="1"/>
    <col min="4614" max="4614" width="13.625" style="4" customWidth="1"/>
    <col min="4615" max="4615" width="9.5" style="4" customWidth="1"/>
    <col min="4616" max="4616" width="19.375" style="4" customWidth="1"/>
    <col min="4617" max="4617" width="10.125" style="4" customWidth="1"/>
    <col min="4618" max="4618" width="18.375" style="4" customWidth="1"/>
    <col min="4619" max="4619" width="24.375" style="4" customWidth="1"/>
    <col min="4620" max="4864" width="8.875" style="4"/>
    <col min="4865" max="4865" width="14.75" style="4" customWidth="1"/>
    <col min="4866" max="4866" width="16.75" style="4" customWidth="1"/>
    <col min="4867" max="4867" width="17.5" style="4" customWidth="1"/>
    <col min="4868" max="4868" width="7.5" style="4" customWidth="1"/>
    <col min="4869" max="4869" width="10.625" style="4" customWidth="1"/>
    <col min="4870" max="4870" width="13.625" style="4" customWidth="1"/>
    <col min="4871" max="4871" width="9.5" style="4" customWidth="1"/>
    <col min="4872" max="4872" width="19.375" style="4" customWidth="1"/>
    <col min="4873" max="4873" width="10.125" style="4" customWidth="1"/>
    <col min="4874" max="4874" width="18.375" style="4" customWidth="1"/>
    <col min="4875" max="4875" width="24.375" style="4" customWidth="1"/>
    <col min="4876" max="5120" width="8.875" style="4"/>
    <col min="5121" max="5121" width="14.75" style="4" customWidth="1"/>
    <col min="5122" max="5122" width="16.75" style="4" customWidth="1"/>
    <col min="5123" max="5123" width="17.5" style="4" customWidth="1"/>
    <col min="5124" max="5124" width="7.5" style="4" customWidth="1"/>
    <col min="5125" max="5125" width="10.625" style="4" customWidth="1"/>
    <col min="5126" max="5126" width="13.625" style="4" customWidth="1"/>
    <col min="5127" max="5127" width="9.5" style="4" customWidth="1"/>
    <col min="5128" max="5128" width="19.375" style="4" customWidth="1"/>
    <col min="5129" max="5129" width="10.125" style="4" customWidth="1"/>
    <col min="5130" max="5130" width="18.375" style="4" customWidth="1"/>
    <col min="5131" max="5131" width="24.375" style="4" customWidth="1"/>
    <col min="5132" max="5376" width="8.875" style="4"/>
    <col min="5377" max="5377" width="14.75" style="4" customWidth="1"/>
    <col min="5378" max="5378" width="16.75" style="4" customWidth="1"/>
    <col min="5379" max="5379" width="17.5" style="4" customWidth="1"/>
    <col min="5380" max="5380" width="7.5" style="4" customWidth="1"/>
    <col min="5381" max="5381" width="10.625" style="4" customWidth="1"/>
    <col min="5382" max="5382" width="13.625" style="4" customWidth="1"/>
    <col min="5383" max="5383" width="9.5" style="4" customWidth="1"/>
    <col min="5384" max="5384" width="19.375" style="4" customWidth="1"/>
    <col min="5385" max="5385" width="10.125" style="4" customWidth="1"/>
    <col min="5386" max="5386" width="18.375" style="4" customWidth="1"/>
    <col min="5387" max="5387" width="24.375" style="4" customWidth="1"/>
    <col min="5388" max="5632" width="8.875" style="4"/>
    <col min="5633" max="5633" width="14.75" style="4" customWidth="1"/>
    <col min="5634" max="5634" width="16.75" style="4" customWidth="1"/>
    <col min="5635" max="5635" width="17.5" style="4" customWidth="1"/>
    <col min="5636" max="5636" width="7.5" style="4" customWidth="1"/>
    <col min="5637" max="5637" width="10.625" style="4" customWidth="1"/>
    <col min="5638" max="5638" width="13.625" style="4" customWidth="1"/>
    <col min="5639" max="5639" width="9.5" style="4" customWidth="1"/>
    <col min="5640" max="5640" width="19.375" style="4" customWidth="1"/>
    <col min="5641" max="5641" width="10.125" style="4" customWidth="1"/>
    <col min="5642" max="5642" width="18.375" style="4" customWidth="1"/>
    <col min="5643" max="5643" width="24.375" style="4" customWidth="1"/>
    <col min="5644" max="5888" width="8.875" style="4"/>
    <col min="5889" max="5889" width="14.75" style="4" customWidth="1"/>
    <col min="5890" max="5890" width="16.75" style="4" customWidth="1"/>
    <col min="5891" max="5891" width="17.5" style="4" customWidth="1"/>
    <col min="5892" max="5892" width="7.5" style="4" customWidth="1"/>
    <col min="5893" max="5893" width="10.625" style="4" customWidth="1"/>
    <col min="5894" max="5894" width="13.625" style="4" customWidth="1"/>
    <col min="5895" max="5895" width="9.5" style="4" customWidth="1"/>
    <col min="5896" max="5896" width="19.375" style="4" customWidth="1"/>
    <col min="5897" max="5897" width="10.125" style="4" customWidth="1"/>
    <col min="5898" max="5898" width="18.375" style="4" customWidth="1"/>
    <col min="5899" max="5899" width="24.375" style="4" customWidth="1"/>
    <col min="5900" max="6144" width="8.875" style="4"/>
    <col min="6145" max="6145" width="14.75" style="4" customWidth="1"/>
    <col min="6146" max="6146" width="16.75" style="4" customWidth="1"/>
    <col min="6147" max="6147" width="17.5" style="4" customWidth="1"/>
    <col min="6148" max="6148" width="7.5" style="4" customWidth="1"/>
    <col min="6149" max="6149" width="10.625" style="4" customWidth="1"/>
    <col min="6150" max="6150" width="13.625" style="4" customWidth="1"/>
    <col min="6151" max="6151" width="9.5" style="4" customWidth="1"/>
    <col min="6152" max="6152" width="19.375" style="4" customWidth="1"/>
    <col min="6153" max="6153" width="10.125" style="4" customWidth="1"/>
    <col min="6154" max="6154" width="18.375" style="4" customWidth="1"/>
    <col min="6155" max="6155" width="24.375" style="4" customWidth="1"/>
    <col min="6156" max="6400" width="8.875" style="4"/>
    <col min="6401" max="6401" width="14.75" style="4" customWidth="1"/>
    <col min="6402" max="6402" width="16.75" style="4" customWidth="1"/>
    <col min="6403" max="6403" width="17.5" style="4" customWidth="1"/>
    <col min="6404" max="6404" width="7.5" style="4" customWidth="1"/>
    <col min="6405" max="6405" width="10.625" style="4" customWidth="1"/>
    <col min="6406" max="6406" width="13.625" style="4" customWidth="1"/>
    <col min="6407" max="6407" width="9.5" style="4" customWidth="1"/>
    <col min="6408" max="6408" width="19.375" style="4" customWidth="1"/>
    <col min="6409" max="6409" width="10.125" style="4" customWidth="1"/>
    <col min="6410" max="6410" width="18.375" style="4" customWidth="1"/>
    <col min="6411" max="6411" width="24.375" style="4" customWidth="1"/>
    <col min="6412" max="6656" width="8.875" style="4"/>
    <col min="6657" max="6657" width="14.75" style="4" customWidth="1"/>
    <col min="6658" max="6658" width="16.75" style="4" customWidth="1"/>
    <col min="6659" max="6659" width="17.5" style="4" customWidth="1"/>
    <col min="6660" max="6660" width="7.5" style="4" customWidth="1"/>
    <col min="6661" max="6661" width="10.625" style="4" customWidth="1"/>
    <col min="6662" max="6662" width="13.625" style="4" customWidth="1"/>
    <col min="6663" max="6663" width="9.5" style="4" customWidth="1"/>
    <col min="6664" max="6664" width="19.375" style="4" customWidth="1"/>
    <col min="6665" max="6665" width="10.125" style="4" customWidth="1"/>
    <col min="6666" max="6666" width="18.375" style="4" customWidth="1"/>
    <col min="6667" max="6667" width="24.375" style="4" customWidth="1"/>
    <col min="6668" max="6912" width="8.875" style="4"/>
    <col min="6913" max="6913" width="14.75" style="4" customWidth="1"/>
    <col min="6914" max="6914" width="16.75" style="4" customWidth="1"/>
    <col min="6915" max="6915" width="17.5" style="4" customWidth="1"/>
    <col min="6916" max="6916" width="7.5" style="4" customWidth="1"/>
    <col min="6917" max="6917" width="10.625" style="4" customWidth="1"/>
    <col min="6918" max="6918" width="13.625" style="4" customWidth="1"/>
    <col min="6919" max="6919" width="9.5" style="4" customWidth="1"/>
    <col min="6920" max="6920" width="19.375" style="4" customWidth="1"/>
    <col min="6921" max="6921" width="10.125" style="4" customWidth="1"/>
    <col min="6922" max="6922" width="18.375" style="4" customWidth="1"/>
    <col min="6923" max="6923" width="24.375" style="4" customWidth="1"/>
    <col min="6924" max="7168" width="8.875" style="4"/>
    <col min="7169" max="7169" width="14.75" style="4" customWidth="1"/>
    <col min="7170" max="7170" width="16.75" style="4" customWidth="1"/>
    <col min="7171" max="7171" width="17.5" style="4" customWidth="1"/>
    <col min="7172" max="7172" width="7.5" style="4" customWidth="1"/>
    <col min="7173" max="7173" width="10.625" style="4" customWidth="1"/>
    <col min="7174" max="7174" width="13.625" style="4" customWidth="1"/>
    <col min="7175" max="7175" width="9.5" style="4" customWidth="1"/>
    <col min="7176" max="7176" width="19.375" style="4" customWidth="1"/>
    <col min="7177" max="7177" width="10.125" style="4" customWidth="1"/>
    <col min="7178" max="7178" width="18.375" style="4" customWidth="1"/>
    <col min="7179" max="7179" width="24.375" style="4" customWidth="1"/>
    <col min="7180" max="7424" width="8.875" style="4"/>
    <col min="7425" max="7425" width="14.75" style="4" customWidth="1"/>
    <col min="7426" max="7426" width="16.75" style="4" customWidth="1"/>
    <col min="7427" max="7427" width="17.5" style="4" customWidth="1"/>
    <col min="7428" max="7428" width="7.5" style="4" customWidth="1"/>
    <col min="7429" max="7429" width="10.625" style="4" customWidth="1"/>
    <col min="7430" max="7430" width="13.625" style="4" customWidth="1"/>
    <col min="7431" max="7431" width="9.5" style="4" customWidth="1"/>
    <col min="7432" max="7432" width="19.375" style="4" customWidth="1"/>
    <col min="7433" max="7433" width="10.125" style="4" customWidth="1"/>
    <col min="7434" max="7434" width="18.375" style="4" customWidth="1"/>
    <col min="7435" max="7435" width="24.375" style="4" customWidth="1"/>
    <col min="7436" max="7680" width="8.875" style="4"/>
    <col min="7681" max="7681" width="14.75" style="4" customWidth="1"/>
    <col min="7682" max="7682" width="16.75" style="4" customWidth="1"/>
    <col min="7683" max="7683" width="17.5" style="4" customWidth="1"/>
    <col min="7684" max="7684" width="7.5" style="4" customWidth="1"/>
    <col min="7685" max="7685" width="10.625" style="4" customWidth="1"/>
    <col min="7686" max="7686" width="13.625" style="4" customWidth="1"/>
    <col min="7687" max="7687" width="9.5" style="4" customWidth="1"/>
    <col min="7688" max="7688" width="19.375" style="4" customWidth="1"/>
    <col min="7689" max="7689" width="10.125" style="4" customWidth="1"/>
    <col min="7690" max="7690" width="18.375" style="4" customWidth="1"/>
    <col min="7691" max="7691" width="24.375" style="4" customWidth="1"/>
    <col min="7692" max="7936" width="8.875" style="4"/>
    <col min="7937" max="7937" width="14.75" style="4" customWidth="1"/>
    <col min="7938" max="7938" width="16.75" style="4" customWidth="1"/>
    <col min="7939" max="7939" width="17.5" style="4" customWidth="1"/>
    <col min="7940" max="7940" width="7.5" style="4" customWidth="1"/>
    <col min="7941" max="7941" width="10.625" style="4" customWidth="1"/>
    <col min="7942" max="7942" width="13.625" style="4" customWidth="1"/>
    <col min="7943" max="7943" width="9.5" style="4" customWidth="1"/>
    <col min="7944" max="7944" width="19.375" style="4" customWidth="1"/>
    <col min="7945" max="7945" width="10.125" style="4" customWidth="1"/>
    <col min="7946" max="7946" width="18.375" style="4" customWidth="1"/>
    <col min="7947" max="7947" width="24.375" style="4" customWidth="1"/>
    <col min="7948" max="8192" width="8.875" style="4"/>
    <col min="8193" max="8193" width="14.75" style="4" customWidth="1"/>
    <col min="8194" max="8194" width="16.75" style="4" customWidth="1"/>
    <col min="8195" max="8195" width="17.5" style="4" customWidth="1"/>
    <col min="8196" max="8196" width="7.5" style="4" customWidth="1"/>
    <col min="8197" max="8197" width="10.625" style="4" customWidth="1"/>
    <col min="8198" max="8198" width="13.625" style="4" customWidth="1"/>
    <col min="8199" max="8199" width="9.5" style="4" customWidth="1"/>
    <col min="8200" max="8200" width="19.375" style="4" customWidth="1"/>
    <col min="8201" max="8201" width="10.125" style="4" customWidth="1"/>
    <col min="8202" max="8202" width="18.375" style="4" customWidth="1"/>
    <col min="8203" max="8203" width="24.375" style="4" customWidth="1"/>
    <col min="8204" max="8448" width="8.875" style="4"/>
    <col min="8449" max="8449" width="14.75" style="4" customWidth="1"/>
    <col min="8450" max="8450" width="16.75" style="4" customWidth="1"/>
    <col min="8451" max="8451" width="17.5" style="4" customWidth="1"/>
    <col min="8452" max="8452" width="7.5" style="4" customWidth="1"/>
    <col min="8453" max="8453" width="10.625" style="4" customWidth="1"/>
    <col min="8454" max="8454" width="13.625" style="4" customWidth="1"/>
    <col min="8455" max="8455" width="9.5" style="4" customWidth="1"/>
    <col min="8456" max="8456" width="19.375" style="4" customWidth="1"/>
    <col min="8457" max="8457" width="10.125" style="4" customWidth="1"/>
    <col min="8458" max="8458" width="18.375" style="4" customWidth="1"/>
    <col min="8459" max="8459" width="24.375" style="4" customWidth="1"/>
    <col min="8460" max="8704" width="8.875" style="4"/>
    <col min="8705" max="8705" width="14.75" style="4" customWidth="1"/>
    <col min="8706" max="8706" width="16.75" style="4" customWidth="1"/>
    <col min="8707" max="8707" width="17.5" style="4" customWidth="1"/>
    <col min="8708" max="8708" width="7.5" style="4" customWidth="1"/>
    <col min="8709" max="8709" width="10.625" style="4" customWidth="1"/>
    <col min="8710" max="8710" width="13.625" style="4" customWidth="1"/>
    <col min="8711" max="8711" width="9.5" style="4" customWidth="1"/>
    <col min="8712" max="8712" width="19.375" style="4" customWidth="1"/>
    <col min="8713" max="8713" width="10.125" style="4" customWidth="1"/>
    <col min="8714" max="8714" width="18.375" style="4" customWidth="1"/>
    <col min="8715" max="8715" width="24.375" style="4" customWidth="1"/>
    <col min="8716" max="8960" width="8.875" style="4"/>
    <col min="8961" max="8961" width="14.75" style="4" customWidth="1"/>
    <col min="8962" max="8962" width="16.75" style="4" customWidth="1"/>
    <col min="8963" max="8963" width="17.5" style="4" customWidth="1"/>
    <col min="8964" max="8964" width="7.5" style="4" customWidth="1"/>
    <col min="8965" max="8965" width="10.625" style="4" customWidth="1"/>
    <col min="8966" max="8966" width="13.625" style="4" customWidth="1"/>
    <col min="8967" max="8967" width="9.5" style="4" customWidth="1"/>
    <col min="8968" max="8968" width="19.375" style="4" customWidth="1"/>
    <col min="8969" max="8969" width="10.125" style="4" customWidth="1"/>
    <col min="8970" max="8970" width="18.375" style="4" customWidth="1"/>
    <col min="8971" max="8971" width="24.375" style="4" customWidth="1"/>
    <col min="8972" max="9216" width="8.875" style="4"/>
    <col min="9217" max="9217" width="14.75" style="4" customWidth="1"/>
    <col min="9218" max="9218" width="16.75" style="4" customWidth="1"/>
    <col min="9219" max="9219" width="17.5" style="4" customWidth="1"/>
    <col min="9220" max="9220" width="7.5" style="4" customWidth="1"/>
    <col min="9221" max="9221" width="10.625" style="4" customWidth="1"/>
    <col min="9222" max="9222" width="13.625" style="4" customWidth="1"/>
    <col min="9223" max="9223" width="9.5" style="4" customWidth="1"/>
    <col min="9224" max="9224" width="19.375" style="4" customWidth="1"/>
    <col min="9225" max="9225" width="10.125" style="4" customWidth="1"/>
    <col min="9226" max="9226" width="18.375" style="4" customWidth="1"/>
    <col min="9227" max="9227" width="24.375" style="4" customWidth="1"/>
    <col min="9228" max="9472" width="8.875" style="4"/>
    <col min="9473" max="9473" width="14.75" style="4" customWidth="1"/>
    <col min="9474" max="9474" width="16.75" style="4" customWidth="1"/>
    <col min="9475" max="9475" width="17.5" style="4" customWidth="1"/>
    <col min="9476" max="9476" width="7.5" style="4" customWidth="1"/>
    <col min="9477" max="9477" width="10.625" style="4" customWidth="1"/>
    <col min="9478" max="9478" width="13.625" style="4" customWidth="1"/>
    <col min="9479" max="9479" width="9.5" style="4" customWidth="1"/>
    <col min="9480" max="9480" width="19.375" style="4" customWidth="1"/>
    <col min="9481" max="9481" width="10.125" style="4" customWidth="1"/>
    <col min="9482" max="9482" width="18.375" style="4" customWidth="1"/>
    <col min="9483" max="9483" width="24.375" style="4" customWidth="1"/>
    <col min="9484" max="9728" width="8.875" style="4"/>
    <col min="9729" max="9729" width="14.75" style="4" customWidth="1"/>
    <col min="9730" max="9730" width="16.75" style="4" customWidth="1"/>
    <col min="9731" max="9731" width="17.5" style="4" customWidth="1"/>
    <col min="9732" max="9732" width="7.5" style="4" customWidth="1"/>
    <col min="9733" max="9733" width="10.625" style="4" customWidth="1"/>
    <col min="9734" max="9734" width="13.625" style="4" customWidth="1"/>
    <col min="9735" max="9735" width="9.5" style="4" customWidth="1"/>
    <col min="9736" max="9736" width="19.375" style="4" customWidth="1"/>
    <col min="9737" max="9737" width="10.125" style="4" customWidth="1"/>
    <col min="9738" max="9738" width="18.375" style="4" customWidth="1"/>
    <col min="9739" max="9739" width="24.375" style="4" customWidth="1"/>
    <col min="9740" max="9984" width="8.875" style="4"/>
    <col min="9985" max="9985" width="14.75" style="4" customWidth="1"/>
    <col min="9986" max="9986" width="16.75" style="4" customWidth="1"/>
    <col min="9987" max="9987" width="17.5" style="4" customWidth="1"/>
    <col min="9988" max="9988" width="7.5" style="4" customWidth="1"/>
    <col min="9989" max="9989" width="10.625" style="4" customWidth="1"/>
    <col min="9990" max="9990" width="13.625" style="4" customWidth="1"/>
    <col min="9991" max="9991" width="9.5" style="4" customWidth="1"/>
    <col min="9992" max="9992" width="19.375" style="4" customWidth="1"/>
    <col min="9993" max="9993" width="10.125" style="4" customWidth="1"/>
    <col min="9994" max="9994" width="18.375" style="4" customWidth="1"/>
    <col min="9995" max="9995" width="24.375" style="4" customWidth="1"/>
    <col min="9996" max="10240" width="8.875" style="4"/>
    <col min="10241" max="10241" width="14.75" style="4" customWidth="1"/>
    <col min="10242" max="10242" width="16.75" style="4" customWidth="1"/>
    <col min="10243" max="10243" width="17.5" style="4" customWidth="1"/>
    <col min="10244" max="10244" width="7.5" style="4" customWidth="1"/>
    <col min="10245" max="10245" width="10.625" style="4" customWidth="1"/>
    <col min="10246" max="10246" width="13.625" style="4" customWidth="1"/>
    <col min="10247" max="10247" width="9.5" style="4" customWidth="1"/>
    <col min="10248" max="10248" width="19.375" style="4" customWidth="1"/>
    <col min="10249" max="10249" width="10.125" style="4" customWidth="1"/>
    <col min="10250" max="10250" width="18.375" style="4" customWidth="1"/>
    <col min="10251" max="10251" width="24.375" style="4" customWidth="1"/>
    <col min="10252" max="10496" width="8.875" style="4"/>
    <col min="10497" max="10497" width="14.75" style="4" customWidth="1"/>
    <col min="10498" max="10498" width="16.75" style="4" customWidth="1"/>
    <col min="10499" max="10499" width="17.5" style="4" customWidth="1"/>
    <col min="10500" max="10500" width="7.5" style="4" customWidth="1"/>
    <col min="10501" max="10501" width="10.625" style="4" customWidth="1"/>
    <col min="10502" max="10502" width="13.625" style="4" customWidth="1"/>
    <col min="10503" max="10503" width="9.5" style="4" customWidth="1"/>
    <col min="10504" max="10504" width="19.375" style="4" customWidth="1"/>
    <col min="10505" max="10505" width="10.125" style="4" customWidth="1"/>
    <col min="10506" max="10506" width="18.375" style="4" customWidth="1"/>
    <col min="10507" max="10507" width="24.375" style="4" customWidth="1"/>
    <col min="10508" max="10752" width="8.875" style="4"/>
    <col min="10753" max="10753" width="14.75" style="4" customWidth="1"/>
    <col min="10754" max="10754" width="16.75" style="4" customWidth="1"/>
    <col min="10755" max="10755" width="17.5" style="4" customWidth="1"/>
    <col min="10756" max="10756" width="7.5" style="4" customWidth="1"/>
    <col min="10757" max="10757" width="10.625" style="4" customWidth="1"/>
    <col min="10758" max="10758" width="13.625" style="4" customWidth="1"/>
    <col min="10759" max="10759" width="9.5" style="4" customWidth="1"/>
    <col min="10760" max="10760" width="19.375" style="4" customWidth="1"/>
    <col min="10761" max="10761" width="10.125" style="4" customWidth="1"/>
    <col min="10762" max="10762" width="18.375" style="4" customWidth="1"/>
    <col min="10763" max="10763" width="24.375" style="4" customWidth="1"/>
    <col min="10764" max="11008" width="8.875" style="4"/>
    <col min="11009" max="11009" width="14.75" style="4" customWidth="1"/>
    <col min="11010" max="11010" width="16.75" style="4" customWidth="1"/>
    <col min="11011" max="11011" width="17.5" style="4" customWidth="1"/>
    <col min="11012" max="11012" width="7.5" style="4" customWidth="1"/>
    <col min="11013" max="11013" width="10.625" style="4" customWidth="1"/>
    <col min="11014" max="11014" width="13.625" style="4" customWidth="1"/>
    <col min="11015" max="11015" width="9.5" style="4" customWidth="1"/>
    <col min="11016" max="11016" width="19.375" style="4" customWidth="1"/>
    <col min="11017" max="11017" width="10.125" style="4" customWidth="1"/>
    <col min="11018" max="11018" width="18.375" style="4" customWidth="1"/>
    <col min="11019" max="11019" width="24.375" style="4" customWidth="1"/>
    <col min="11020" max="11264" width="8.875" style="4"/>
    <col min="11265" max="11265" width="14.75" style="4" customWidth="1"/>
    <col min="11266" max="11266" width="16.75" style="4" customWidth="1"/>
    <col min="11267" max="11267" width="17.5" style="4" customWidth="1"/>
    <col min="11268" max="11268" width="7.5" style="4" customWidth="1"/>
    <col min="11269" max="11269" width="10.625" style="4" customWidth="1"/>
    <col min="11270" max="11270" width="13.625" style="4" customWidth="1"/>
    <col min="11271" max="11271" width="9.5" style="4" customWidth="1"/>
    <col min="11272" max="11272" width="19.375" style="4" customWidth="1"/>
    <col min="11273" max="11273" width="10.125" style="4" customWidth="1"/>
    <col min="11274" max="11274" width="18.375" style="4" customWidth="1"/>
    <col min="11275" max="11275" width="24.375" style="4" customWidth="1"/>
    <col min="11276" max="11520" width="8.875" style="4"/>
    <col min="11521" max="11521" width="14.75" style="4" customWidth="1"/>
    <col min="11522" max="11522" width="16.75" style="4" customWidth="1"/>
    <col min="11523" max="11523" width="17.5" style="4" customWidth="1"/>
    <col min="11524" max="11524" width="7.5" style="4" customWidth="1"/>
    <col min="11525" max="11525" width="10.625" style="4" customWidth="1"/>
    <col min="11526" max="11526" width="13.625" style="4" customWidth="1"/>
    <col min="11527" max="11527" width="9.5" style="4" customWidth="1"/>
    <col min="11528" max="11528" width="19.375" style="4" customWidth="1"/>
    <col min="11529" max="11529" width="10.125" style="4" customWidth="1"/>
    <col min="11530" max="11530" width="18.375" style="4" customWidth="1"/>
    <col min="11531" max="11531" width="24.375" style="4" customWidth="1"/>
    <col min="11532" max="11776" width="8.875" style="4"/>
    <col min="11777" max="11777" width="14.75" style="4" customWidth="1"/>
    <col min="11778" max="11778" width="16.75" style="4" customWidth="1"/>
    <col min="11779" max="11779" width="17.5" style="4" customWidth="1"/>
    <col min="11780" max="11780" width="7.5" style="4" customWidth="1"/>
    <col min="11781" max="11781" width="10.625" style="4" customWidth="1"/>
    <col min="11782" max="11782" width="13.625" style="4" customWidth="1"/>
    <col min="11783" max="11783" width="9.5" style="4" customWidth="1"/>
    <col min="11784" max="11784" width="19.375" style="4" customWidth="1"/>
    <col min="11785" max="11785" width="10.125" style="4" customWidth="1"/>
    <col min="11786" max="11786" width="18.375" style="4" customWidth="1"/>
    <col min="11787" max="11787" width="24.375" style="4" customWidth="1"/>
    <col min="11788" max="12032" width="8.875" style="4"/>
    <col min="12033" max="12033" width="14.75" style="4" customWidth="1"/>
    <col min="12034" max="12034" width="16.75" style="4" customWidth="1"/>
    <col min="12035" max="12035" width="17.5" style="4" customWidth="1"/>
    <col min="12036" max="12036" width="7.5" style="4" customWidth="1"/>
    <col min="12037" max="12037" width="10.625" style="4" customWidth="1"/>
    <col min="12038" max="12038" width="13.625" style="4" customWidth="1"/>
    <col min="12039" max="12039" width="9.5" style="4" customWidth="1"/>
    <col min="12040" max="12040" width="19.375" style="4" customWidth="1"/>
    <col min="12041" max="12041" width="10.125" style="4" customWidth="1"/>
    <col min="12042" max="12042" width="18.375" style="4" customWidth="1"/>
    <col min="12043" max="12043" width="24.375" style="4" customWidth="1"/>
    <col min="12044" max="12288" width="8.875" style="4"/>
    <col min="12289" max="12289" width="14.75" style="4" customWidth="1"/>
    <col min="12290" max="12290" width="16.75" style="4" customWidth="1"/>
    <col min="12291" max="12291" width="17.5" style="4" customWidth="1"/>
    <col min="12292" max="12292" width="7.5" style="4" customWidth="1"/>
    <col min="12293" max="12293" width="10.625" style="4" customWidth="1"/>
    <col min="12294" max="12294" width="13.625" style="4" customWidth="1"/>
    <col min="12295" max="12295" width="9.5" style="4" customWidth="1"/>
    <col min="12296" max="12296" width="19.375" style="4" customWidth="1"/>
    <col min="12297" max="12297" width="10.125" style="4" customWidth="1"/>
    <col min="12298" max="12298" width="18.375" style="4" customWidth="1"/>
    <col min="12299" max="12299" width="24.375" style="4" customWidth="1"/>
    <col min="12300" max="12544" width="8.875" style="4"/>
    <col min="12545" max="12545" width="14.75" style="4" customWidth="1"/>
    <col min="12546" max="12546" width="16.75" style="4" customWidth="1"/>
    <col min="12547" max="12547" width="17.5" style="4" customWidth="1"/>
    <col min="12548" max="12548" width="7.5" style="4" customWidth="1"/>
    <col min="12549" max="12549" width="10.625" style="4" customWidth="1"/>
    <col min="12550" max="12550" width="13.625" style="4" customWidth="1"/>
    <col min="12551" max="12551" width="9.5" style="4" customWidth="1"/>
    <col min="12552" max="12552" width="19.375" style="4" customWidth="1"/>
    <col min="12553" max="12553" width="10.125" style="4" customWidth="1"/>
    <col min="12554" max="12554" width="18.375" style="4" customWidth="1"/>
    <col min="12555" max="12555" width="24.375" style="4" customWidth="1"/>
    <col min="12556" max="12800" width="8.875" style="4"/>
    <col min="12801" max="12801" width="14.75" style="4" customWidth="1"/>
    <col min="12802" max="12802" width="16.75" style="4" customWidth="1"/>
    <col min="12803" max="12803" width="17.5" style="4" customWidth="1"/>
    <col min="12804" max="12804" width="7.5" style="4" customWidth="1"/>
    <col min="12805" max="12805" width="10.625" style="4" customWidth="1"/>
    <col min="12806" max="12806" width="13.625" style="4" customWidth="1"/>
    <col min="12807" max="12807" width="9.5" style="4" customWidth="1"/>
    <col min="12808" max="12808" width="19.375" style="4" customWidth="1"/>
    <col min="12809" max="12809" width="10.125" style="4" customWidth="1"/>
    <col min="12810" max="12810" width="18.375" style="4" customWidth="1"/>
    <col min="12811" max="12811" width="24.375" style="4" customWidth="1"/>
    <col min="12812" max="13056" width="8.875" style="4"/>
    <col min="13057" max="13057" width="14.75" style="4" customWidth="1"/>
    <col min="13058" max="13058" width="16.75" style="4" customWidth="1"/>
    <col min="13059" max="13059" width="17.5" style="4" customWidth="1"/>
    <col min="13060" max="13060" width="7.5" style="4" customWidth="1"/>
    <col min="13061" max="13061" width="10.625" style="4" customWidth="1"/>
    <col min="13062" max="13062" width="13.625" style="4" customWidth="1"/>
    <col min="13063" max="13063" width="9.5" style="4" customWidth="1"/>
    <col min="13064" max="13064" width="19.375" style="4" customWidth="1"/>
    <col min="13065" max="13065" width="10.125" style="4" customWidth="1"/>
    <col min="13066" max="13066" width="18.375" style="4" customWidth="1"/>
    <col min="13067" max="13067" width="24.375" style="4" customWidth="1"/>
    <col min="13068" max="13312" width="8.875" style="4"/>
    <col min="13313" max="13313" width="14.75" style="4" customWidth="1"/>
    <col min="13314" max="13314" width="16.75" style="4" customWidth="1"/>
    <col min="13315" max="13315" width="17.5" style="4" customWidth="1"/>
    <col min="13316" max="13316" width="7.5" style="4" customWidth="1"/>
    <col min="13317" max="13317" width="10.625" style="4" customWidth="1"/>
    <col min="13318" max="13318" width="13.625" style="4" customWidth="1"/>
    <col min="13319" max="13319" width="9.5" style="4" customWidth="1"/>
    <col min="13320" max="13320" width="19.375" style="4" customWidth="1"/>
    <col min="13321" max="13321" width="10.125" style="4" customWidth="1"/>
    <col min="13322" max="13322" width="18.375" style="4" customWidth="1"/>
    <col min="13323" max="13323" width="24.375" style="4" customWidth="1"/>
    <col min="13324" max="13568" width="8.875" style="4"/>
    <col min="13569" max="13569" width="14.75" style="4" customWidth="1"/>
    <col min="13570" max="13570" width="16.75" style="4" customWidth="1"/>
    <col min="13571" max="13571" width="17.5" style="4" customWidth="1"/>
    <col min="13572" max="13572" width="7.5" style="4" customWidth="1"/>
    <col min="13573" max="13573" width="10.625" style="4" customWidth="1"/>
    <col min="13574" max="13574" width="13.625" style="4" customWidth="1"/>
    <col min="13575" max="13575" width="9.5" style="4" customWidth="1"/>
    <col min="13576" max="13576" width="19.375" style="4" customWidth="1"/>
    <col min="13577" max="13577" width="10.125" style="4" customWidth="1"/>
    <col min="13578" max="13578" width="18.375" style="4" customWidth="1"/>
    <col min="13579" max="13579" width="24.375" style="4" customWidth="1"/>
    <col min="13580" max="13824" width="8.875" style="4"/>
    <col min="13825" max="13825" width="14.75" style="4" customWidth="1"/>
    <col min="13826" max="13826" width="16.75" style="4" customWidth="1"/>
    <col min="13827" max="13827" width="17.5" style="4" customWidth="1"/>
    <col min="13828" max="13828" width="7.5" style="4" customWidth="1"/>
    <col min="13829" max="13829" width="10.625" style="4" customWidth="1"/>
    <col min="13830" max="13830" width="13.625" style="4" customWidth="1"/>
    <col min="13831" max="13831" width="9.5" style="4" customWidth="1"/>
    <col min="13832" max="13832" width="19.375" style="4" customWidth="1"/>
    <col min="13833" max="13833" width="10.125" style="4" customWidth="1"/>
    <col min="13834" max="13834" width="18.375" style="4" customWidth="1"/>
    <col min="13835" max="13835" width="24.375" style="4" customWidth="1"/>
    <col min="13836" max="14080" width="8.875" style="4"/>
    <col min="14081" max="14081" width="14.75" style="4" customWidth="1"/>
    <col min="14082" max="14082" width="16.75" style="4" customWidth="1"/>
    <col min="14083" max="14083" width="17.5" style="4" customWidth="1"/>
    <col min="14084" max="14084" width="7.5" style="4" customWidth="1"/>
    <col min="14085" max="14085" width="10.625" style="4" customWidth="1"/>
    <col min="14086" max="14086" width="13.625" style="4" customWidth="1"/>
    <col min="14087" max="14087" width="9.5" style="4" customWidth="1"/>
    <col min="14088" max="14088" width="19.375" style="4" customWidth="1"/>
    <col min="14089" max="14089" width="10.125" style="4" customWidth="1"/>
    <col min="14090" max="14090" width="18.375" style="4" customWidth="1"/>
    <col min="14091" max="14091" width="24.375" style="4" customWidth="1"/>
    <col min="14092" max="14336" width="8.875" style="4"/>
    <col min="14337" max="14337" width="14.75" style="4" customWidth="1"/>
    <col min="14338" max="14338" width="16.75" style="4" customWidth="1"/>
    <col min="14339" max="14339" width="17.5" style="4" customWidth="1"/>
    <col min="14340" max="14340" width="7.5" style="4" customWidth="1"/>
    <col min="14341" max="14341" width="10.625" style="4" customWidth="1"/>
    <col min="14342" max="14342" width="13.625" style="4" customWidth="1"/>
    <col min="14343" max="14343" width="9.5" style="4" customWidth="1"/>
    <col min="14344" max="14344" width="19.375" style="4" customWidth="1"/>
    <col min="14345" max="14345" width="10.125" style="4" customWidth="1"/>
    <col min="14346" max="14346" width="18.375" style="4" customWidth="1"/>
    <col min="14347" max="14347" width="24.375" style="4" customWidth="1"/>
    <col min="14348" max="14592" width="8.875" style="4"/>
    <col min="14593" max="14593" width="14.75" style="4" customWidth="1"/>
    <col min="14594" max="14594" width="16.75" style="4" customWidth="1"/>
    <col min="14595" max="14595" width="17.5" style="4" customWidth="1"/>
    <col min="14596" max="14596" width="7.5" style="4" customWidth="1"/>
    <col min="14597" max="14597" width="10.625" style="4" customWidth="1"/>
    <col min="14598" max="14598" width="13.625" style="4" customWidth="1"/>
    <col min="14599" max="14599" width="9.5" style="4" customWidth="1"/>
    <col min="14600" max="14600" width="19.375" style="4" customWidth="1"/>
    <col min="14601" max="14601" width="10.125" style="4" customWidth="1"/>
    <col min="14602" max="14602" width="18.375" style="4" customWidth="1"/>
    <col min="14603" max="14603" width="24.375" style="4" customWidth="1"/>
    <col min="14604" max="14848" width="8.875" style="4"/>
    <col min="14849" max="14849" width="14.75" style="4" customWidth="1"/>
    <col min="14850" max="14850" width="16.75" style="4" customWidth="1"/>
    <col min="14851" max="14851" width="17.5" style="4" customWidth="1"/>
    <col min="14852" max="14852" width="7.5" style="4" customWidth="1"/>
    <col min="14853" max="14853" width="10.625" style="4" customWidth="1"/>
    <col min="14854" max="14854" width="13.625" style="4" customWidth="1"/>
    <col min="14855" max="14855" width="9.5" style="4" customWidth="1"/>
    <col min="14856" max="14856" width="19.375" style="4" customWidth="1"/>
    <col min="14857" max="14857" width="10.125" style="4" customWidth="1"/>
    <col min="14858" max="14858" width="18.375" style="4" customWidth="1"/>
    <col min="14859" max="14859" width="24.375" style="4" customWidth="1"/>
    <col min="14860" max="15104" width="8.875" style="4"/>
    <col min="15105" max="15105" width="14.75" style="4" customWidth="1"/>
    <col min="15106" max="15106" width="16.75" style="4" customWidth="1"/>
    <col min="15107" max="15107" width="17.5" style="4" customWidth="1"/>
    <col min="15108" max="15108" width="7.5" style="4" customWidth="1"/>
    <col min="15109" max="15109" width="10.625" style="4" customWidth="1"/>
    <col min="15110" max="15110" width="13.625" style="4" customWidth="1"/>
    <col min="15111" max="15111" width="9.5" style="4" customWidth="1"/>
    <col min="15112" max="15112" width="19.375" style="4" customWidth="1"/>
    <col min="15113" max="15113" width="10.125" style="4" customWidth="1"/>
    <col min="15114" max="15114" width="18.375" style="4" customWidth="1"/>
    <col min="15115" max="15115" width="24.375" style="4" customWidth="1"/>
    <col min="15116" max="15360" width="8.875" style="4"/>
    <col min="15361" max="15361" width="14.75" style="4" customWidth="1"/>
    <col min="15362" max="15362" width="16.75" style="4" customWidth="1"/>
    <col min="15363" max="15363" width="17.5" style="4" customWidth="1"/>
    <col min="15364" max="15364" width="7.5" style="4" customWidth="1"/>
    <col min="15365" max="15365" width="10.625" style="4" customWidth="1"/>
    <col min="15366" max="15366" width="13.625" style="4" customWidth="1"/>
    <col min="15367" max="15367" width="9.5" style="4" customWidth="1"/>
    <col min="15368" max="15368" width="19.375" style="4" customWidth="1"/>
    <col min="15369" max="15369" width="10.125" style="4" customWidth="1"/>
    <col min="15370" max="15370" width="18.375" style="4" customWidth="1"/>
    <col min="15371" max="15371" width="24.375" style="4" customWidth="1"/>
    <col min="15372" max="15616" width="8.875" style="4"/>
    <col min="15617" max="15617" width="14.75" style="4" customWidth="1"/>
    <col min="15618" max="15618" width="16.75" style="4" customWidth="1"/>
    <col min="15619" max="15619" width="17.5" style="4" customWidth="1"/>
    <col min="15620" max="15620" width="7.5" style="4" customWidth="1"/>
    <col min="15621" max="15621" width="10.625" style="4" customWidth="1"/>
    <col min="15622" max="15622" width="13.625" style="4" customWidth="1"/>
    <col min="15623" max="15623" width="9.5" style="4" customWidth="1"/>
    <col min="15624" max="15624" width="19.375" style="4" customWidth="1"/>
    <col min="15625" max="15625" width="10.125" style="4" customWidth="1"/>
    <col min="15626" max="15626" width="18.375" style="4" customWidth="1"/>
    <col min="15627" max="15627" width="24.375" style="4" customWidth="1"/>
    <col min="15628" max="15872" width="8.875" style="4"/>
    <col min="15873" max="15873" width="14.75" style="4" customWidth="1"/>
    <col min="15874" max="15874" width="16.75" style="4" customWidth="1"/>
    <col min="15875" max="15875" width="17.5" style="4" customWidth="1"/>
    <col min="15876" max="15876" width="7.5" style="4" customWidth="1"/>
    <col min="15877" max="15877" width="10.625" style="4" customWidth="1"/>
    <col min="15878" max="15878" width="13.625" style="4" customWidth="1"/>
    <col min="15879" max="15879" width="9.5" style="4" customWidth="1"/>
    <col min="15880" max="15880" width="19.375" style="4" customWidth="1"/>
    <col min="15881" max="15881" width="10.125" style="4" customWidth="1"/>
    <col min="15882" max="15882" width="18.375" style="4" customWidth="1"/>
    <col min="15883" max="15883" width="24.375" style="4" customWidth="1"/>
    <col min="15884" max="16128" width="8.875" style="4"/>
    <col min="16129" max="16129" width="14.75" style="4" customWidth="1"/>
    <col min="16130" max="16130" width="16.75" style="4" customWidth="1"/>
    <col min="16131" max="16131" width="17.5" style="4" customWidth="1"/>
    <col min="16132" max="16132" width="7.5" style="4" customWidth="1"/>
    <col min="16133" max="16133" width="10.625" style="4" customWidth="1"/>
    <col min="16134" max="16134" width="13.625" style="4" customWidth="1"/>
    <col min="16135" max="16135" width="9.5" style="4" customWidth="1"/>
    <col min="16136" max="16136" width="19.375" style="4" customWidth="1"/>
    <col min="16137" max="16137" width="10.125" style="4" customWidth="1"/>
    <col min="16138" max="16138" width="18.375" style="4" customWidth="1"/>
    <col min="16139" max="16139" width="24.375" style="4" customWidth="1"/>
    <col min="16140" max="16384" width="8.875" style="4"/>
  </cols>
  <sheetData>
    <row r="1" spans="1:17" ht="30" customHeight="1" x14ac:dyDescent="0.15">
      <c r="A1" s="151" t="s">
        <v>39</v>
      </c>
      <c r="B1" s="151"/>
      <c r="C1" s="151"/>
      <c r="D1" s="39"/>
      <c r="E1" s="39"/>
      <c r="F1" s="152"/>
      <c r="G1" s="152"/>
      <c r="H1" s="153"/>
      <c r="I1" s="153"/>
      <c r="J1" s="153"/>
      <c r="K1" s="153"/>
    </row>
    <row r="2" spans="1:17" ht="40.5" customHeight="1" thickBot="1" x14ac:dyDescent="0.2">
      <c r="A2" s="154" t="s">
        <v>42</v>
      </c>
      <c r="B2" s="155"/>
      <c r="C2" s="155"/>
      <c r="D2" s="155"/>
      <c r="E2" s="155"/>
      <c r="F2" s="155"/>
      <c r="G2" s="155"/>
      <c r="H2" s="155"/>
      <c r="I2" s="155"/>
      <c r="J2" s="155"/>
      <c r="K2" s="155"/>
    </row>
    <row r="3" spans="1:17" ht="26.25" customHeight="1" x14ac:dyDescent="0.15">
      <c r="A3" s="43" t="s">
        <v>15</v>
      </c>
      <c r="B3" s="51"/>
      <c r="C3" s="51"/>
      <c r="D3" s="52" t="s">
        <v>0</v>
      </c>
      <c r="E3" s="54" t="s">
        <v>1</v>
      </c>
      <c r="F3" s="156" t="s">
        <v>2</v>
      </c>
      <c r="G3" s="158" t="s">
        <v>40</v>
      </c>
      <c r="H3" s="159"/>
      <c r="I3" s="159"/>
      <c r="J3" s="159"/>
      <c r="K3" s="160"/>
    </row>
    <row r="4" spans="1:17" ht="43.5" customHeight="1" x14ac:dyDescent="0.15">
      <c r="A4" s="44" t="s">
        <v>5</v>
      </c>
      <c r="B4" s="65"/>
      <c r="C4" s="65"/>
      <c r="D4" s="53"/>
      <c r="E4" s="53"/>
      <c r="F4" s="157"/>
      <c r="G4" s="161"/>
      <c r="H4" s="162"/>
      <c r="I4" s="162"/>
      <c r="J4" s="162"/>
      <c r="K4" s="163"/>
    </row>
    <row r="5" spans="1:17" ht="63.75" customHeight="1" x14ac:dyDescent="0.15">
      <c r="A5" s="71" t="s">
        <v>30</v>
      </c>
      <c r="B5" s="42" t="s">
        <v>31</v>
      </c>
      <c r="C5" s="73"/>
      <c r="D5" s="74"/>
      <c r="E5" s="74"/>
      <c r="F5" s="74"/>
      <c r="G5" s="74"/>
      <c r="H5" s="74"/>
      <c r="I5" s="74"/>
      <c r="J5" s="74"/>
      <c r="K5" s="75"/>
      <c r="L5" s="5"/>
      <c r="N5" s="5"/>
    </row>
    <row r="6" spans="1:17" ht="63.75" customHeight="1" x14ac:dyDescent="0.15">
      <c r="A6" s="141"/>
      <c r="B6" s="47" t="s">
        <v>32</v>
      </c>
      <c r="C6" s="142"/>
      <c r="D6" s="143"/>
      <c r="E6" s="143"/>
      <c r="F6" s="143"/>
      <c r="G6" s="143"/>
      <c r="H6" s="143"/>
      <c r="I6" s="143"/>
      <c r="J6" s="143"/>
      <c r="K6" s="144"/>
      <c r="L6" s="6"/>
      <c r="M6" s="7"/>
      <c r="N6" s="7"/>
      <c r="O6" s="8"/>
      <c r="P6" s="8"/>
      <c r="Q6" s="8"/>
    </row>
    <row r="7" spans="1:17" ht="31.5" customHeight="1" thickBot="1" x14ac:dyDescent="0.2">
      <c r="A7" s="145" t="s">
        <v>43</v>
      </c>
      <c r="B7" s="146"/>
      <c r="C7" s="146"/>
      <c r="D7" s="146"/>
      <c r="E7" s="146"/>
      <c r="F7" s="146"/>
      <c r="G7" s="146"/>
      <c r="H7" s="146"/>
      <c r="I7" s="146"/>
      <c r="J7" s="146"/>
      <c r="K7" s="146"/>
      <c r="L7" s="6"/>
      <c r="M7" s="7"/>
      <c r="N7" s="7"/>
      <c r="O7" s="8"/>
      <c r="P7" s="8"/>
      <c r="Q7" s="8"/>
    </row>
    <row r="8" spans="1:17" ht="33" customHeight="1" x14ac:dyDescent="0.15">
      <c r="A8" s="79" t="s">
        <v>7</v>
      </c>
      <c r="B8" s="80"/>
      <c r="C8" s="80"/>
      <c r="D8" s="80"/>
      <c r="E8" s="80"/>
      <c r="F8" s="80"/>
      <c r="G8" s="80"/>
      <c r="H8" s="80"/>
      <c r="I8" s="80"/>
      <c r="J8" s="80"/>
      <c r="K8" s="81"/>
      <c r="L8" s="7"/>
      <c r="M8" s="7"/>
      <c r="N8" s="7"/>
      <c r="O8" s="8"/>
      <c r="P8" s="8"/>
      <c r="Q8" s="8"/>
    </row>
    <row r="9" spans="1:17" ht="72" customHeight="1" x14ac:dyDescent="0.15">
      <c r="A9" s="164" t="s">
        <v>50</v>
      </c>
      <c r="B9" s="140"/>
      <c r="C9" s="140"/>
      <c r="D9" s="140"/>
      <c r="E9" s="140"/>
      <c r="F9" s="140"/>
      <c r="G9" s="140"/>
      <c r="H9" s="140"/>
      <c r="I9" s="140"/>
      <c r="J9" s="140"/>
      <c r="K9" s="165"/>
      <c r="L9" s="6"/>
      <c r="M9" s="7"/>
      <c r="N9" s="7"/>
      <c r="O9" s="8"/>
      <c r="P9" s="8"/>
      <c r="Q9" s="8"/>
    </row>
    <row r="10" spans="1:17" ht="45" customHeight="1" x14ac:dyDescent="0.15">
      <c r="A10" s="147" t="s">
        <v>8</v>
      </c>
      <c r="B10" s="148"/>
      <c r="C10" s="136" t="s">
        <v>44</v>
      </c>
      <c r="D10" s="136"/>
      <c r="E10" s="136"/>
      <c r="F10" s="136"/>
      <c r="G10" s="136"/>
      <c r="H10" s="136"/>
      <c r="I10" s="136"/>
      <c r="J10" s="136"/>
      <c r="K10" s="137"/>
      <c r="L10" s="9"/>
      <c r="M10" s="8"/>
      <c r="N10" s="8"/>
      <c r="O10" s="8"/>
      <c r="P10" s="8"/>
      <c r="Q10" s="8"/>
    </row>
    <row r="11" spans="1:17" ht="45" customHeight="1" x14ac:dyDescent="0.15">
      <c r="A11" s="149" t="s">
        <v>45</v>
      </c>
      <c r="B11" s="150"/>
      <c r="C11" s="62" t="s">
        <v>46</v>
      </c>
      <c r="D11" s="62"/>
      <c r="E11" s="62"/>
      <c r="F11" s="62"/>
      <c r="G11" s="62"/>
      <c r="H11" s="62"/>
      <c r="I11" s="62"/>
      <c r="J11" s="62"/>
      <c r="K11" s="125"/>
      <c r="L11" s="9"/>
      <c r="M11" s="8"/>
      <c r="N11" s="8"/>
      <c r="O11" s="8"/>
      <c r="P11" s="8"/>
      <c r="Q11" s="8"/>
    </row>
    <row r="12" spans="1:17" ht="45" customHeight="1" x14ac:dyDescent="0.15">
      <c r="A12" s="123" t="s">
        <v>47</v>
      </c>
      <c r="B12" s="124"/>
      <c r="C12" s="62" t="s">
        <v>48</v>
      </c>
      <c r="D12" s="62"/>
      <c r="E12" s="62"/>
      <c r="F12" s="62"/>
      <c r="G12" s="62"/>
      <c r="H12" s="62"/>
      <c r="I12" s="62"/>
      <c r="J12" s="62"/>
      <c r="K12" s="125"/>
      <c r="L12" s="9"/>
      <c r="M12" s="8"/>
      <c r="N12" s="8"/>
      <c r="O12" s="8"/>
      <c r="P12" s="8"/>
      <c r="Q12" s="8"/>
    </row>
    <row r="13" spans="1:17" ht="45" customHeight="1" thickBot="1" x14ac:dyDescent="0.2">
      <c r="A13" s="138" t="s">
        <v>49</v>
      </c>
      <c r="B13" s="139"/>
      <c r="C13" s="107" t="s">
        <v>33</v>
      </c>
      <c r="D13" s="126"/>
      <c r="E13" s="126"/>
      <c r="F13" s="126"/>
      <c r="G13" s="126"/>
      <c r="H13" s="126"/>
      <c r="I13" s="126"/>
      <c r="J13" s="126"/>
      <c r="K13" s="127"/>
      <c r="L13" s="9"/>
      <c r="M13" s="8"/>
      <c r="N13" s="8"/>
      <c r="O13" s="8"/>
      <c r="P13" s="8"/>
      <c r="Q13" s="8"/>
    </row>
    <row r="14" spans="1:17" ht="45" customHeight="1" x14ac:dyDescent="0.15">
      <c r="A14" s="131" t="s">
        <v>34</v>
      </c>
      <c r="B14" s="132"/>
      <c r="C14" s="132"/>
      <c r="D14" s="132"/>
      <c r="E14" s="132"/>
      <c r="F14" s="132"/>
      <c r="G14" s="132"/>
      <c r="H14" s="132"/>
      <c r="I14" s="132"/>
      <c r="J14" s="132"/>
      <c r="K14" s="133"/>
      <c r="L14" s="40"/>
      <c r="M14" s="41"/>
      <c r="N14" s="41"/>
      <c r="O14" s="40"/>
      <c r="P14" s="40"/>
    </row>
    <row r="15" spans="1:17" ht="48.75" customHeight="1" x14ac:dyDescent="0.15">
      <c r="A15" s="164" t="s">
        <v>51</v>
      </c>
      <c r="B15" s="140"/>
      <c r="C15" s="140"/>
      <c r="D15" s="140"/>
      <c r="E15" s="140"/>
      <c r="F15" s="140"/>
      <c r="G15" s="140"/>
      <c r="H15" s="140"/>
      <c r="I15" s="140"/>
      <c r="J15" s="140"/>
      <c r="K15" s="165"/>
      <c r="L15" s="6"/>
      <c r="M15" s="7"/>
      <c r="N15" s="7"/>
      <c r="O15" s="8"/>
      <c r="P15" s="8"/>
      <c r="Q15" s="8"/>
    </row>
    <row r="16" spans="1:17" ht="45" customHeight="1" x14ac:dyDescent="0.15">
      <c r="A16" s="134" t="s">
        <v>35</v>
      </c>
      <c r="B16" s="135"/>
      <c r="C16" s="136" t="s">
        <v>44</v>
      </c>
      <c r="D16" s="136"/>
      <c r="E16" s="136"/>
      <c r="F16" s="136"/>
      <c r="G16" s="136"/>
      <c r="H16" s="136"/>
      <c r="I16" s="136"/>
      <c r="J16" s="136"/>
      <c r="K16" s="137"/>
      <c r="L16" s="40"/>
      <c r="M16" s="41"/>
      <c r="N16" s="41"/>
      <c r="O16" s="40"/>
      <c r="P16" s="40"/>
    </row>
    <row r="17" spans="1:17" ht="45" customHeight="1" x14ac:dyDescent="0.15">
      <c r="A17" s="134" t="s">
        <v>52</v>
      </c>
      <c r="B17" s="135"/>
      <c r="C17" s="62" t="s">
        <v>53</v>
      </c>
      <c r="D17" s="62"/>
      <c r="E17" s="62"/>
      <c r="F17" s="62"/>
      <c r="G17" s="62"/>
      <c r="H17" s="62"/>
      <c r="I17" s="62"/>
      <c r="J17" s="62"/>
      <c r="K17" s="125"/>
      <c r="L17" s="40"/>
      <c r="M17" s="41"/>
      <c r="N17" s="41"/>
      <c r="O17" s="40"/>
      <c r="P17" s="40"/>
    </row>
    <row r="18" spans="1:17" ht="45" customHeight="1" x14ac:dyDescent="0.15">
      <c r="A18" s="123" t="s">
        <v>54</v>
      </c>
      <c r="B18" s="124"/>
      <c r="C18" s="62" t="s">
        <v>48</v>
      </c>
      <c r="D18" s="62"/>
      <c r="E18" s="62"/>
      <c r="F18" s="62"/>
      <c r="G18" s="62"/>
      <c r="H18" s="62"/>
      <c r="I18" s="62"/>
      <c r="J18" s="62"/>
      <c r="K18" s="125"/>
      <c r="L18" s="40"/>
      <c r="M18" s="41"/>
      <c r="N18" s="41"/>
      <c r="O18" s="40"/>
      <c r="P18" s="40"/>
    </row>
    <row r="19" spans="1:17" ht="45" customHeight="1" thickBot="1" x14ac:dyDescent="0.2">
      <c r="A19" s="45" t="s">
        <v>18</v>
      </c>
      <c r="B19" s="46"/>
      <c r="C19" s="107" t="s">
        <v>33</v>
      </c>
      <c r="D19" s="126"/>
      <c r="E19" s="126"/>
      <c r="F19" s="126"/>
      <c r="G19" s="126"/>
      <c r="H19" s="126"/>
      <c r="I19" s="126"/>
      <c r="J19" s="126"/>
      <c r="K19" s="127"/>
      <c r="L19" s="40"/>
      <c r="M19" s="41"/>
      <c r="N19" s="41"/>
      <c r="O19" s="40"/>
      <c r="P19" s="40"/>
    </row>
    <row r="20" spans="1:17" ht="54" customHeight="1" x14ac:dyDescent="0.15">
      <c r="A20" s="128" t="s">
        <v>36</v>
      </c>
      <c r="B20" s="129"/>
      <c r="C20" s="129"/>
      <c r="D20" s="129"/>
      <c r="E20" s="129"/>
      <c r="F20" s="129"/>
      <c r="G20" s="129"/>
      <c r="H20" s="129"/>
      <c r="I20" s="129"/>
      <c r="J20" s="129"/>
      <c r="K20" s="130"/>
    </row>
    <row r="21" spans="1:17" ht="251.25" customHeight="1" thickBot="1" x14ac:dyDescent="0.2">
      <c r="A21" s="66" t="s">
        <v>37</v>
      </c>
      <c r="B21" s="67"/>
      <c r="C21" s="76" t="s">
        <v>38</v>
      </c>
      <c r="D21" s="126"/>
      <c r="E21" s="126"/>
      <c r="F21" s="126"/>
      <c r="G21" s="126"/>
      <c r="H21" s="126"/>
      <c r="I21" s="126"/>
      <c r="J21" s="126"/>
      <c r="K21" s="127"/>
      <c r="L21" s="40"/>
      <c r="M21" s="41"/>
      <c r="N21" s="41"/>
      <c r="O21" s="40"/>
      <c r="P21" s="40"/>
    </row>
    <row r="22" spans="1:17" ht="29.25" customHeight="1" x14ac:dyDescent="0.15">
      <c r="A22" s="118" t="s">
        <v>41</v>
      </c>
      <c r="B22" s="119"/>
      <c r="C22" s="119"/>
      <c r="D22" s="119"/>
      <c r="E22" s="119"/>
      <c r="F22" s="119"/>
      <c r="G22" s="119"/>
      <c r="H22" s="119"/>
      <c r="I22" s="119"/>
      <c r="J22" s="119"/>
      <c r="K22" s="120"/>
      <c r="L22" s="40"/>
      <c r="M22" s="41"/>
      <c r="N22" s="41"/>
      <c r="O22" s="40"/>
      <c r="P22" s="40"/>
    </row>
    <row r="23" spans="1:17" ht="39.75" customHeight="1" x14ac:dyDescent="0.15">
      <c r="A23" s="110"/>
      <c r="B23" s="111"/>
      <c r="C23" s="111"/>
      <c r="D23" s="111"/>
      <c r="E23" s="111"/>
      <c r="F23" s="111"/>
      <c r="G23" s="111"/>
      <c r="H23" s="111"/>
      <c r="I23" s="111"/>
      <c r="J23" s="111"/>
      <c r="K23" s="112"/>
      <c r="L23" s="40"/>
      <c r="M23" s="41"/>
      <c r="N23" s="41"/>
      <c r="O23" s="40"/>
      <c r="P23" s="40"/>
    </row>
    <row r="24" spans="1:17" ht="72" customHeight="1" x14ac:dyDescent="0.15">
      <c r="A24" s="110"/>
      <c r="B24" s="111"/>
      <c r="C24" s="111"/>
      <c r="D24" s="111"/>
      <c r="E24" s="111"/>
      <c r="F24" s="111"/>
      <c r="G24" s="111"/>
      <c r="H24" s="111"/>
      <c r="I24" s="111"/>
      <c r="J24" s="111"/>
      <c r="K24" s="112"/>
      <c r="L24" s="40"/>
      <c r="M24" s="40"/>
      <c r="N24" s="40"/>
      <c r="O24" s="96"/>
      <c r="P24" s="96"/>
    </row>
    <row r="25" spans="1:17" ht="57.75" customHeight="1" thickBot="1" x14ac:dyDescent="0.2">
      <c r="A25" s="113"/>
      <c r="B25" s="114"/>
      <c r="C25" s="114"/>
      <c r="D25" s="114"/>
      <c r="E25" s="114"/>
      <c r="F25" s="114"/>
      <c r="G25" s="114"/>
      <c r="H25" s="114"/>
      <c r="I25" s="114"/>
      <c r="J25" s="114"/>
      <c r="K25" s="115"/>
    </row>
    <row r="26" spans="1:17" ht="83.25" customHeight="1" x14ac:dyDescent="0.15">
      <c r="A26" s="121" t="s">
        <v>55</v>
      </c>
      <c r="B26" s="122"/>
      <c r="C26" s="122"/>
      <c r="D26" s="122"/>
      <c r="E26" s="122"/>
      <c r="F26" s="122"/>
      <c r="G26" s="122"/>
      <c r="H26" s="122"/>
      <c r="I26" s="122"/>
      <c r="J26" s="122"/>
      <c r="K26" s="122"/>
      <c r="M26" s="40"/>
      <c r="N26" s="40"/>
      <c r="O26" s="40"/>
      <c r="P26" s="40"/>
      <c r="Q26" s="40"/>
    </row>
    <row r="27" spans="1:17" ht="21" customHeight="1" x14ac:dyDescent="0.15">
      <c r="A27" s="11"/>
      <c r="B27" s="11"/>
      <c r="C27" s="11"/>
      <c r="D27" s="11"/>
      <c r="E27" s="11"/>
      <c r="F27" s="11"/>
      <c r="G27" s="11"/>
      <c r="H27" s="11"/>
      <c r="I27" s="11"/>
      <c r="J27" s="11"/>
      <c r="K27" s="11"/>
      <c r="M27" s="96"/>
      <c r="N27" s="96"/>
      <c r="O27" s="96"/>
      <c r="P27" s="96"/>
      <c r="Q27" s="96"/>
    </row>
    <row r="28" spans="1:17" ht="23.25" customHeight="1" x14ac:dyDescent="0.15">
      <c r="A28" s="97"/>
      <c r="B28" s="97"/>
      <c r="C28" s="97"/>
      <c r="D28" s="97"/>
      <c r="E28" s="97"/>
      <c r="F28" s="97"/>
      <c r="G28" s="97"/>
      <c r="H28" s="97"/>
      <c r="I28" s="97"/>
      <c r="J28" s="97"/>
      <c r="K28" s="97"/>
      <c r="M28" s="98"/>
      <c r="N28" s="99"/>
      <c r="O28" s="99"/>
      <c r="P28" s="99"/>
      <c r="Q28" s="99"/>
    </row>
    <row r="29" spans="1:17" ht="16.5" customHeight="1" x14ac:dyDescent="0.15">
      <c r="A29" s="11"/>
      <c r="B29" s="11"/>
      <c r="C29" s="11"/>
      <c r="D29" s="11"/>
      <c r="E29" s="11"/>
      <c r="F29" s="11"/>
      <c r="G29" s="11"/>
      <c r="H29" s="11"/>
      <c r="I29" s="11"/>
      <c r="J29" s="11"/>
      <c r="K29" s="11"/>
      <c r="M29" s="7"/>
      <c r="N29" s="7"/>
      <c r="O29" s="7"/>
      <c r="P29" s="7"/>
      <c r="Q29" s="7"/>
    </row>
    <row r="30" spans="1:17" ht="16.5" customHeight="1" x14ac:dyDescent="0.15">
      <c r="A30" s="11"/>
      <c r="B30" s="11"/>
      <c r="C30" s="11"/>
      <c r="D30" s="11"/>
      <c r="E30" s="11"/>
      <c r="F30" s="11"/>
      <c r="G30" s="11"/>
      <c r="H30" s="11"/>
      <c r="I30" s="11"/>
      <c r="J30" s="11"/>
      <c r="K30" s="11"/>
      <c r="M30" s="7"/>
      <c r="N30" s="7"/>
      <c r="O30" s="7"/>
      <c r="P30" s="7"/>
      <c r="Q30" s="7"/>
    </row>
    <row r="31" spans="1:17" ht="16.5" customHeight="1" x14ac:dyDescent="0.15">
      <c r="A31" s="11"/>
      <c r="B31" s="11"/>
      <c r="C31" s="11"/>
      <c r="D31" s="11"/>
      <c r="E31" s="11"/>
      <c r="F31" s="11"/>
      <c r="G31" s="11"/>
      <c r="H31" s="11"/>
      <c r="I31" s="11"/>
      <c r="J31" s="11"/>
      <c r="K31" s="11"/>
      <c r="M31" s="12"/>
      <c r="N31" s="5"/>
      <c r="O31" s="5"/>
      <c r="P31" s="5"/>
      <c r="Q31" s="5"/>
    </row>
    <row r="32" spans="1:17" ht="109.5" customHeight="1" x14ac:dyDescent="0.15">
      <c r="A32" s="11"/>
      <c r="B32" s="11"/>
      <c r="C32" s="11"/>
      <c r="D32" s="11"/>
      <c r="E32" s="11"/>
      <c r="F32" s="11"/>
      <c r="G32" s="11"/>
      <c r="H32" s="11"/>
      <c r="I32" s="11"/>
      <c r="J32" s="11"/>
      <c r="K32" s="11"/>
      <c r="M32" s="13"/>
      <c r="N32" s="7"/>
      <c r="O32" s="7"/>
      <c r="P32" s="7"/>
      <c r="Q32" s="7"/>
    </row>
    <row r="33" spans="1:21" ht="16.5" customHeight="1" x14ac:dyDescent="0.15">
      <c r="A33" s="11"/>
      <c r="B33" s="11"/>
      <c r="C33" s="11"/>
      <c r="D33" s="11"/>
      <c r="E33" s="11"/>
      <c r="F33" s="11"/>
      <c r="G33" s="11"/>
      <c r="H33" s="11"/>
      <c r="I33" s="11"/>
      <c r="J33" s="11"/>
      <c r="K33" s="11"/>
      <c r="M33" s="5"/>
      <c r="N33" s="5"/>
      <c r="O33" s="5"/>
      <c r="P33" s="5"/>
      <c r="Q33" s="5"/>
    </row>
    <row r="34" spans="1:21" ht="44.25" customHeight="1" x14ac:dyDescent="0.15">
      <c r="A34" s="11"/>
      <c r="B34" s="11"/>
      <c r="C34" s="11"/>
      <c r="D34" s="11"/>
      <c r="E34" s="11"/>
      <c r="F34" s="11"/>
      <c r="G34" s="11"/>
      <c r="H34" s="11"/>
      <c r="I34" s="11"/>
      <c r="J34" s="11"/>
      <c r="K34" s="11"/>
      <c r="M34" s="5"/>
      <c r="N34" s="5"/>
      <c r="O34" s="5"/>
      <c r="P34" s="5"/>
      <c r="Q34" s="5"/>
    </row>
    <row r="35" spans="1:21" ht="16.5" customHeight="1" x14ac:dyDescent="0.15"/>
    <row r="36" spans="1:21" ht="21" customHeight="1" x14ac:dyDescent="0.15"/>
    <row r="37" spans="1:21" ht="75" customHeight="1" x14ac:dyDescent="0.15"/>
    <row r="38" spans="1:21" ht="23.25" customHeight="1" x14ac:dyDescent="0.15"/>
    <row r="40" spans="1:21" ht="28.5" customHeight="1" x14ac:dyDescent="0.15">
      <c r="N40" s="5"/>
    </row>
    <row r="46" spans="1:21" ht="15" customHeight="1" x14ac:dyDescent="0.15">
      <c r="L46" s="100"/>
      <c r="M46" s="101"/>
      <c r="N46" s="101"/>
      <c r="O46" s="101"/>
      <c r="P46" s="101"/>
      <c r="Q46" s="101"/>
      <c r="R46" s="101"/>
      <c r="S46" s="101"/>
      <c r="T46" s="101"/>
      <c r="U46" s="101"/>
    </row>
    <row r="47" spans="1:21" ht="57.75" customHeight="1" x14ac:dyDescent="0.15">
      <c r="L47" s="101"/>
      <c r="M47" s="101"/>
      <c r="N47" s="101"/>
      <c r="O47" s="101"/>
      <c r="P47" s="101"/>
      <c r="Q47" s="101"/>
      <c r="R47" s="101"/>
      <c r="S47" s="101"/>
      <c r="T47" s="101"/>
      <c r="U47" s="101"/>
    </row>
    <row r="48" spans="1:21" x14ac:dyDescent="0.15">
      <c r="L48" s="101"/>
      <c r="M48" s="101"/>
      <c r="N48" s="101"/>
      <c r="O48" s="101"/>
      <c r="P48" s="101"/>
      <c r="Q48" s="101"/>
      <c r="R48" s="101"/>
      <c r="S48" s="101"/>
      <c r="T48" s="101"/>
      <c r="U48" s="101"/>
    </row>
    <row r="49" spans="12:21" x14ac:dyDescent="0.15">
      <c r="L49" s="101"/>
      <c r="M49" s="101"/>
      <c r="N49" s="101"/>
      <c r="O49" s="101"/>
      <c r="P49" s="101"/>
      <c r="Q49" s="101"/>
      <c r="R49" s="101"/>
      <c r="S49" s="101"/>
      <c r="T49" s="101"/>
      <c r="U49" s="101"/>
    </row>
    <row r="50" spans="12:21" ht="18" customHeight="1" x14ac:dyDescent="0.15"/>
  </sheetData>
  <mergeCells count="43">
    <mergeCell ref="A1:C1"/>
    <mergeCell ref="F1:G1"/>
    <mergeCell ref="H1:K1"/>
    <mergeCell ref="A2:K2"/>
    <mergeCell ref="B3:C3"/>
    <mergeCell ref="D3:D4"/>
    <mergeCell ref="E3:E4"/>
    <mergeCell ref="F3:F4"/>
    <mergeCell ref="G3:K4"/>
    <mergeCell ref="B4:C4"/>
    <mergeCell ref="A12:B12"/>
    <mergeCell ref="C12:K12"/>
    <mergeCell ref="A5:A6"/>
    <mergeCell ref="C5:K5"/>
    <mergeCell ref="C6:K6"/>
    <mergeCell ref="A7:K7"/>
    <mergeCell ref="A8:K8"/>
    <mergeCell ref="A10:B10"/>
    <mergeCell ref="C10:K10"/>
    <mergeCell ref="A11:B11"/>
    <mergeCell ref="C11:K11"/>
    <mergeCell ref="A9:K9"/>
    <mergeCell ref="C13:K13"/>
    <mergeCell ref="A14:K14"/>
    <mergeCell ref="A16:B16"/>
    <mergeCell ref="C16:K16"/>
    <mergeCell ref="A17:B17"/>
    <mergeCell ref="C17:K17"/>
    <mergeCell ref="A13:B13"/>
    <mergeCell ref="A15:K15"/>
    <mergeCell ref="A18:B18"/>
    <mergeCell ref="C18:K18"/>
    <mergeCell ref="C19:K19"/>
    <mergeCell ref="A20:K20"/>
    <mergeCell ref="A21:B21"/>
    <mergeCell ref="C21:K21"/>
    <mergeCell ref="L46:U49"/>
    <mergeCell ref="A22:K25"/>
    <mergeCell ref="O24:P24"/>
    <mergeCell ref="A26:K26"/>
    <mergeCell ref="M27:Q27"/>
    <mergeCell ref="A28:K28"/>
    <mergeCell ref="M28:Q28"/>
  </mergeCells>
  <phoneticPr fontId="3"/>
  <printOptions horizontalCentered="1" verticalCentered="1"/>
  <pageMargins left="0.62992125984251968" right="0.39370078740157483" top="0.74803149606299213" bottom="0.74803149606299213" header="0.31496062992125984" footer="0.31496062992125984"/>
  <pageSetup paperSize="9" scale="5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22"/>
  <sheetViews>
    <sheetView view="pageBreakPreview" zoomScaleNormal="75" zoomScaleSheetLayoutView="100" workbookViewId="0">
      <selection activeCell="I9" sqref="I9"/>
    </sheetView>
  </sheetViews>
  <sheetFormatPr defaultRowHeight="13.5" x14ac:dyDescent="0.15"/>
  <cols>
    <col min="1" max="1" width="2.375" customWidth="1"/>
    <col min="2" max="2" width="8.5" customWidth="1"/>
    <col min="3" max="3" width="16.375" customWidth="1"/>
    <col min="9" max="9" width="14" customWidth="1"/>
    <col min="10" max="10" width="2.5" customWidth="1"/>
  </cols>
  <sheetData>
    <row r="1" spans="1:9" ht="21" customHeight="1" x14ac:dyDescent="0.15">
      <c r="A1" s="2"/>
      <c r="B1" s="23"/>
      <c r="C1" s="1"/>
      <c r="D1" s="1"/>
      <c r="E1" s="1"/>
      <c r="F1" s="1"/>
      <c r="G1" s="1"/>
      <c r="H1" s="1"/>
      <c r="I1" s="1"/>
    </row>
    <row r="2" spans="1:9" x14ac:dyDescent="0.15">
      <c r="B2" s="1"/>
      <c r="C2" s="1"/>
      <c r="D2" s="1"/>
      <c r="E2" s="1"/>
      <c r="F2" s="1"/>
      <c r="G2" s="1"/>
      <c r="H2" s="1"/>
      <c r="I2" s="1"/>
    </row>
    <row r="3" spans="1:9" ht="24.75" customHeight="1" x14ac:dyDescent="0.15">
      <c r="B3" s="31"/>
      <c r="C3" s="32"/>
      <c r="D3" s="32"/>
      <c r="E3" s="32"/>
      <c r="F3" s="32"/>
      <c r="G3" s="32"/>
      <c r="H3" s="32"/>
      <c r="I3" s="32"/>
    </row>
    <row r="4" spans="1:9" ht="24.75" customHeight="1" x14ac:dyDescent="0.15">
      <c r="B4" s="26"/>
      <c r="C4" s="27"/>
      <c r="D4" s="27"/>
      <c r="E4" s="27"/>
      <c r="F4" s="33"/>
      <c r="G4" s="32"/>
      <c r="H4" s="32"/>
      <c r="I4" s="32"/>
    </row>
    <row r="5" spans="1:9" ht="30" customHeight="1" x14ac:dyDescent="0.15">
      <c r="C5" s="3"/>
      <c r="D5" s="27"/>
      <c r="E5" s="27"/>
      <c r="F5" s="27"/>
      <c r="G5" s="27"/>
      <c r="H5" s="27"/>
      <c r="I5" s="27"/>
    </row>
    <row r="6" spans="1:9" ht="30" customHeight="1" x14ac:dyDescent="0.15">
      <c r="C6" s="3"/>
      <c r="D6" s="27"/>
      <c r="E6" s="27"/>
      <c r="F6" s="27"/>
      <c r="G6" s="27"/>
      <c r="H6" s="27"/>
      <c r="I6" s="27"/>
    </row>
    <row r="7" spans="1:9" ht="30" customHeight="1" x14ac:dyDescent="0.15">
      <c r="C7" s="24"/>
      <c r="D7" s="25"/>
      <c r="E7" s="25"/>
      <c r="F7" s="27"/>
      <c r="G7" s="27"/>
      <c r="H7" s="27"/>
      <c r="I7" s="27"/>
    </row>
    <row r="8" spans="1:9" ht="10.5" customHeight="1" x14ac:dyDescent="0.15">
      <c r="B8" s="26"/>
      <c r="C8" s="26"/>
      <c r="D8" s="27"/>
      <c r="E8" s="27"/>
      <c r="F8" s="27"/>
      <c r="G8" s="27"/>
      <c r="H8" s="27"/>
      <c r="I8" s="27"/>
    </row>
    <row r="9" spans="1:9" ht="64.5" customHeight="1" x14ac:dyDescent="0.15">
      <c r="B9" s="34"/>
      <c r="C9" s="33"/>
      <c r="D9" s="33"/>
      <c r="E9" s="33"/>
      <c r="F9" s="33"/>
      <c r="G9" s="33"/>
      <c r="H9" s="33"/>
      <c r="I9" s="33"/>
    </row>
    <row r="10" spans="1:9" x14ac:dyDescent="0.15">
      <c r="B10" s="1"/>
      <c r="C10" s="1"/>
      <c r="D10" s="1"/>
      <c r="E10" s="1"/>
      <c r="F10" s="1"/>
      <c r="G10" s="1"/>
      <c r="H10" s="1"/>
      <c r="I10" s="1"/>
    </row>
    <row r="11" spans="1:9" ht="44.25" customHeight="1" x14ac:dyDescent="0.15">
      <c r="B11" s="28"/>
      <c r="C11" s="28"/>
      <c r="D11" s="35"/>
      <c r="E11" s="35"/>
      <c r="F11" s="35"/>
      <c r="G11" s="35"/>
      <c r="H11" s="35"/>
      <c r="I11" s="35"/>
    </row>
    <row r="12" spans="1:9" ht="30" customHeight="1" x14ac:dyDescent="0.15">
      <c r="B12" s="29"/>
      <c r="C12" s="28"/>
      <c r="D12" s="35"/>
      <c r="E12" s="35"/>
      <c r="F12" s="35"/>
      <c r="G12" s="35"/>
      <c r="H12" s="35"/>
      <c r="I12" s="35"/>
    </row>
    <row r="13" spans="1:9" ht="30" customHeight="1" x14ac:dyDescent="0.15">
      <c r="B13" s="29"/>
      <c r="C13" s="28"/>
      <c r="D13" s="35"/>
      <c r="E13" s="35"/>
      <c r="F13" s="35"/>
      <c r="G13" s="35"/>
      <c r="H13" s="35"/>
      <c r="I13" s="35"/>
    </row>
    <row r="14" spans="1:9" ht="30" customHeight="1" x14ac:dyDescent="0.15">
      <c r="B14" s="29"/>
      <c r="C14" s="28"/>
      <c r="D14" s="35"/>
      <c r="E14" s="35"/>
      <c r="F14" s="35"/>
      <c r="G14" s="35"/>
      <c r="H14" s="35"/>
      <c r="I14" s="35"/>
    </row>
    <row r="15" spans="1:9" ht="30" customHeight="1" x14ac:dyDescent="0.15">
      <c r="B15" s="29"/>
      <c r="C15" s="28"/>
      <c r="D15" s="35"/>
      <c r="E15" s="35"/>
      <c r="F15" s="35"/>
      <c r="G15" s="35"/>
      <c r="H15" s="35"/>
      <c r="I15" s="35"/>
    </row>
    <row r="16" spans="1:9" ht="30" customHeight="1" x14ac:dyDescent="0.15">
      <c r="B16" s="29"/>
      <c r="C16" s="28"/>
      <c r="D16" s="35"/>
      <c r="E16" s="35"/>
      <c r="F16" s="35"/>
      <c r="G16" s="35"/>
      <c r="H16" s="35"/>
      <c r="I16" s="35"/>
    </row>
    <row r="17" spans="2:9" ht="30" customHeight="1" x14ac:dyDescent="0.15">
      <c r="B17" s="29"/>
      <c r="C17" s="28"/>
      <c r="D17" s="35"/>
      <c r="E17" s="35"/>
      <c r="F17" s="35"/>
      <c r="G17" s="35"/>
      <c r="H17" s="35"/>
      <c r="I17" s="35"/>
    </row>
    <row r="18" spans="2:9" ht="30" customHeight="1" x14ac:dyDescent="0.15">
      <c r="B18" s="29"/>
      <c r="C18" s="28"/>
      <c r="D18" s="35"/>
      <c r="E18" s="35"/>
      <c r="F18" s="35"/>
      <c r="G18" s="35"/>
      <c r="H18" s="35"/>
      <c r="I18" s="35"/>
    </row>
    <row r="19" spans="2:9" ht="30" customHeight="1" x14ac:dyDescent="0.15">
      <c r="B19" s="29"/>
      <c r="C19" s="28"/>
      <c r="D19" s="35"/>
      <c r="E19" s="35"/>
      <c r="F19" s="35"/>
      <c r="G19" s="35"/>
      <c r="H19" s="35"/>
      <c r="I19" s="35"/>
    </row>
    <row r="20" spans="2:9" ht="30" customHeight="1" x14ac:dyDescent="0.15">
      <c r="B20" s="29"/>
      <c r="C20" s="30"/>
      <c r="D20" s="36"/>
      <c r="E20" s="36"/>
      <c r="F20" s="36"/>
      <c r="G20" s="36"/>
      <c r="H20" s="36"/>
      <c r="I20" s="36"/>
    </row>
    <row r="21" spans="2:9" ht="30" customHeight="1" x14ac:dyDescent="0.15">
      <c r="B21" s="29"/>
      <c r="C21" s="28"/>
      <c r="D21" s="35"/>
      <c r="E21" s="35"/>
      <c r="F21" s="35"/>
      <c r="G21" s="35"/>
      <c r="H21" s="35"/>
      <c r="I21" s="35"/>
    </row>
    <row r="22" spans="2:9" ht="12" customHeight="1" x14ac:dyDescent="0.15">
      <c r="B22" s="29"/>
      <c r="C22" s="29"/>
      <c r="D22" s="29"/>
      <c r="E22" s="29"/>
      <c r="F22" s="29"/>
      <c r="G22" s="29"/>
      <c r="H22" s="29"/>
      <c r="I22" s="29"/>
    </row>
    <row r="23" spans="2:9" ht="41.25" customHeight="1" x14ac:dyDescent="0.15">
      <c r="B23" s="37"/>
      <c r="C23" s="35"/>
      <c r="D23" s="35"/>
      <c r="E23" s="35"/>
      <c r="F23" s="35"/>
      <c r="G23" s="35"/>
      <c r="H23" s="35"/>
      <c r="I23" s="35"/>
    </row>
    <row r="24" spans="2:9" ht="30" customHeight="1" x14ac:dyDescent="0.15">
      <c r="B24" s="38"/>
      <c r="C24" s="35"/>
      <c r="D24" s="35"/>
      <c r="E24" s="35"/>
      <c r="F24" s="35"/>
      <c r="G24" s="35"/>
      <c r="H24" s="35"/>
      <c r="I24" s="35"/>
    </row>
    <row r="25" spans="2:9" ht="30" customHeight="1" x14ac:dyDescent="0.15">
      <c r="B25" s="35"/>
      <c r="C25" s="35"/>
      <c r="D25" s="35"/>
      <c r="E25" s="35"/>
      <c r="F25" s="35"/>
      <c r="G25" s="35"/>
      <c r="H25" s="35"/>
      <c r="I25" s="35"/>
    </row>
    <row r="26" spans="2:9" ht="24" customHeight="1" x14ac:dyDescent="0.15">
      <c r="B26" s="35"/>
      <c r="C26" s="35"/>
      <c r="D26" s="35"/>
      <c r="E26" s="35"/>
      <c r="F26" s="35"/>
      <c r="G26" s="35"/>
      <c r="H26" s="35"/>
      <c r="I26" s="35"/>
    </row>
    <row r="27" spans="2:9" ht="30" customHeight="1" x14ac:dyDescent="0.15">
      <c r="B27" s="35"/>
      <c r="C27" s="35"/>
      <c r="D27" s="35"/>
      <c r="E27" s="35"/>
      <c r="F27" s="35"/>
      <c r="G27" s="35"/>
      <c r="H27" s="35"/>
      <c r="I27" s="35"/>
    </row>
    <row r="28" spans="2:9" ht="30" customHeight="1" x14ac:dyDescent="0.15">
      <c r="B28" s="35"/>
      <c r="C28" s="35"/>
      <c r="D28" s="35"/>
      <c r="E28" s="35"/>
      <c r="F28" s="35"/>
      <c r="G28" s="35"/>
      <c r="H28" s="35"/>
      <c r="I28" s="35"/>
    </row>
    <row r="29" spans="2:9" ht="20.25" customHeight="1" x14ac:dyDescent="0.15">
      <c r="B29" s="35"/>
      <c r="C29" s="35"/>
      <c r="D29" s="35"/>
      <c r="E29" s="35"/>
      <c r="F29" s="35"/>
      <c r="G29" s="35"/>
      <c r="H29" s="35"/>
      <c r="I29" s="35"/>
    </row>
    <row r="30" spans="2:9" ht="30" customHeight="1" x14ac:dyDescent="0.15">
      <c r="B30" s="1"/>
      <c r="C30" s="1"/>
      <c r="D30" s="1"/>
      <c r="E30" s="1"/>
      <c r="F30" s="1"/>
      <c r="G30" s="1"/>
      <c r="H30" s="1"/>
      <c r="I30" s="1"/>
    </row>
    <row r="31" spans="2:9" ht="30" customHeight="1" x14ac:dyDescent="0.15">
      <c r="B31" s="1"/>
      <c r="C31" s="1"/>
      <c r="D31" s="1"/>
      <c r="E31" s="1"/>
      <c r="F31" s="1"/>
      <c r="G31" s="1"/>
      <c r="H31" s="1"/>
      <c r="I31" s="1"/>
    </row>
    <row r="32" spans="2:9" ht="30" customHeight="1" x14ac:dyDescent="0.15">
      <c r="B32" s="1"/>
      <c r="C32" s="1"/>
      <c r="D32" s="1"/>
      <c r="E32" s="1"/>
      <c r="F32" s="1"/>
      <c r="G32" s="1"/>
      <c r="H32" s="1"/>
      <c r="I32" s="1"/>
    </row>
    <row r="33" spans="2:9" ht="30" customHeight="1" x14ac:dyDescent="0.15">
      <c r="B33" s="1"/>
      <c r="C33" s="1"/>
      <c r="D33" s="1"/>
      <c r="E33" s="1"/>
      <c r="F33" s="1"/>
      <c r="G33" s="1"/>
      <c r="H33" s="1"/>
      <c r="I33" s="1"/>
    </row>
    <row r="34" spans="2:9" ht="30" customHeight="1" x14ac:dyDescent="0.15">
      <c r="B34" s="1"/>
      <c r="C34" s="1"/>
      <c r="D34" s="1"/>
      <c r="E34" s="1"/>
      <c r="F34" s="1"/>
      <c r="G34" s="1"/>
      <c r="H34" s="1"/>
      <c r="I34" s="1"/>
    </row>
    <row r="35" spans="2:9" ht="30" customHeight="1" x14ac:dyDescent="0.15">
      <c r="B35" s="1"/>
      <c r="C35" s="1"/>
      <c r="D35" s="1"/>
      <c r="E35" s="1"/>
      <c r="F35" s="1"/>
      <c r="G35" s="1"/>
      <c r="H35" s="1"/>
      <c r="I35" s="1"/>
    </row>
    <row r="36" spans="2:9" ht="30" customHeight="1" x14ac:dyDescent="0.15">
      <c r="B36" s="1"/>
      <c r="C36" s="1"/>
      <c r="D36" s="1"/>
      <c r="E36" s="1"/>
      <c r="F36" s="1"/>
      <c r="G36" s="1"/>
      <c r="H36" s="1"/>
      <c r="I36" s="1"/>
    </row>
    <row r="37" spans="2:9" ht="30" customHeight="1" x14ac:dyDescent="0.15">
      <c r="B37" s="1"/>
      <c r="C37" s="1"/>
      <c r="D37" s="1"/>
      <c r="E37" s="1"/>
      <c r="F37" s="1"/>
      <c r="G37" s="1"/>
      <c r="H37" s="1"/>
      <c r="I37" s="1"/>
    </row>
    <row r="38" spans="2:9" ht="30" customHeight="1" x14ac:dyDescent="0.15">
      <c r="B38" s="1"/>
      <c r="C38" s="1"/>
      <c r="D38" s="1"/>
      <c r="E38" s="1"/>
      <c r="F38" s="1"/>
      <c r="G38" s="1"/>
      <c r="H38" s="1"/>
      <c r="I38" s="1"/>
    </row>
    <row r="39" spans="2:9" ht="30" customHeight="1" x14ac:dyDescent="0.15">
      <c r="B39" s="1"/>
      <c r="C39" s="1"/>
      <c r="D39" s="1"/>
      <c r="E39" s="1"/>
      <c r="F39" s="1"/>
      <c r="G39" s="1"/>
      <c r="H39" s="1"/>
      <c r="I39" s="1"/>
    </row>
    <row r="40" spans="2:9" ht="30" customHeight="1" x14ac:dyDescent="0.15">
      <c r="B40" s="1"/>
      <c r="C40" s="1"/>
      <c r="D40" s="1"/>
      <c r="E40" s="1"/>
      <c r="F40" s="1"/>
      <c r="G40" s="1"/>
      <c r="H40" s="1"/>
      <c r="I40" s="1"/>
    </row>
    <row r="41" spans="2:9" ht="30" customHeight="1" x14ac:dyDescent="0.15">
      <c r="B41" s="1"/>
      <c r="C41" s="1"/>
      <c r="D41" s="1"/>
      <c r="E41" s="1"/>
      <c r="F41" s="1"/>
      <c r="G41" s="1"/>
      <c r="H41" s="1"/>
      <c r="I41" s="1"/>
    </row>
    <row r="42" spans="2:9" ht="30" customHeight="1" x14ac:dyDescent="0.15">
      <c r="B42" s="1"/>
      <c r="C42" s="1"/>
      <c r="D42" s="1"/>
      <c r="E42" s="1"/>
      <c r="F42" s="1"/>
      <c r="G42" s="1"/>
      <c r="H42" s="1"/>
      <c r="I42" s="1"/>
    </row>
    <row r="43" spans="2:9" ht="30" customHeight="1" x14ac:dyDescent="0.15">
      <c r="B43" s="1"/>
      <c r="C43" s="1"/>
      <c r="D43" s="1"/>
      <c r="E43" s="1"/>
      <c r="F43" s="1"/>
      <c r="G43" s="1"/>
      <c r="H43" s="1"/>
      <c r="I43" s="1"/>
    </row>
    <row r="44" spans="2:9" x14ac:dyDescent="0.15">
      <c r="B44" s="1"/>
      <c r="C44" s="1"/>
      <c r="D44" s="1"/>
      <c r="E44" s="1"/>
      <c r="F44" s="1"/>
      <c r="G44" s="1"/>
      <c r="H44" s="1"/>
      <c r="I44" s="1"/>
    </row>
    <row r="45" spans="2:9" x14ac:dyDescent="0.15">
      <c r="B45" s="1"/>
      <c r="C45" s="1"/>
      <c r="D45" s="1"/>
      <c r="E45" s="1"/>
      <c r="F45" s="1"/>
      <c r="G45" s="1"/>
      <c r="H45" s="1"/>
      <c r="I45" s="1"/>
    </row>
    <row r="46" spans="2:9" x14ac:dyDescent="0.15">
      <c r="B46" s="1"/>
      <c r="C46" s="1"/>
      <c r="D46" s="1"/>
      <c r="E46" s="1"/>
      <c r="F46" s="1"/>
      <c r="G46" s="1"/>
      <c r="H46" s="1"/>
      <c r="I46" s="1"/>
    </row>
    <row r="47" spans="2:9" x14ac:dyDescent="0.15">
      <c r="B47" s="1"/>
      <c r="C47" s="1"/>
      <c r="D47" s="1"/>
      <c r="E47" s="1"/>
      <c r="F47" s="1"/>
      <c r="G47" s="1"/>
      <c r="H47" s="1"/>
      <c r="I47" s="1"/>
    </row>
    <row r="48" spans="2:9" x14ac:dyDescent="0.15">
      <c r="B48" s="1"/>
      <c r="C48" s="1"/>
      <c r="D48" s="1"/>
      <c r="E48" s="1"/>
      <c r="F48" s="1"/>
      <c r="G48" s="1"/>
      <c r="H48" s="1"/>
      <c r="I48" s="1"/>
    </row>
    <row r="49" spans="2:9" x14ac:dyDescent="0.15">
      <c r="B49" s="1"/>
      <c r="C49" s="1"/>
      <c r="D49" s="1"/>
      <c r="E49" s="1"/>
      <c r="F49" s="1"/>
      <c r="G49" s="1"/>
      <c r="H49" s="1"/>
      <c r="I49" s="1"/>
    </row>
    <row r="50" spans="2:9" x14ac:dyDescent="0.15">
      <c r="B50" s="1"/>
      <c r="C50" s="1"/>
      <c r="D50" s="1"/>
      <c r="E50" s="1"/>
      <c r="F50" s="1"/>
      <c r="G50" s="1"/>
      <c r="H50" s="1"/>
      <c r="I50" s="1"/>
    </row>
    <row r="51" spans="2:9" x14ac:dyDescent="0.15">
      <c r="B51" s="1"/>
      <c r="C51" s="1"/>
      <c r="D51" s="1"/>
      <c r="E51" s="1"/>
      <c r="F51" s="1"/>
      <c r="G51" s="1"/>
      <c r="H51" s="1"/>
      <c r="I51" s="1"/>
    </row>
    <row r="52" spans="2:9" x14ac:dyDescent="0.15">
      <c r="B52" s="1"/>
      <c r="C52" s="1"/>
      <c r="D52" s="1"/>
      <c r="E52" s="1"/>
      <c r="F52" s="1"/>
      <c r="G52" s="1"/>
      <c r="H52" s="1"/>
      <c r="I52" s="1"/>
    </row>
    <row r="53" spans="2:9" x14ac:dyDescent="0.15">
      <c r="B53" s="1"/>
      <c r="C53" s="1"/>
      <c r="D53" s="1"/>
      <c r="E53" s="1"/>
      <c r="F53" s="1"/>
      <c r="G53" s="1"/>
      <c r="H53" s="1"/>
      <c r="I53" s="1"/>
    </row>
    <row r="54" spans="2:9" x14ac:dyDescent="0.15">
      <c r="B54" s="1"/>
      <c r="C54" s="1"/>
      <c r="D54" s="1"/>
      <c r="E54" s="1"/>
      <c r="F54" s="1"/>
      <c r="G54" s="1"/>
      <c r="H54" s="1"/>
      <c r="I54" s="1"/>
    </row>
    <row r="55" spans="2:9" x14ac:dyDescent="0.15">
      <c r="B55" s="1"/>
      <c r="C55" s="1"/>
      <c r="D55" s="1"/>
      <c r="E55" s="1"/>
      <c r="F55" s="1"/>
      <c r="G55" s="1"/>
      <c r="H55" s="1"/>
      <c r="I55" s="1"/>
    </row>
    <row r="56" spans="2:9" x14ac:dyDescent="0.15">
      <c r="B56" s="1"/>
      <c r="C56" s="1"/>
      <c r="D56" s="1"/>
      <c r="E56" s="1"/>
      <c r="F56" s="1"/>
      <c r="G56" s="1"/>
      <c r="H56" s="1"/>
      <c r="I56" s="1"/>
    </row>
    <row r="57" spans="2:9" x14ac:dyDescent="0.15">
      <c r="B57" s="1"/>
      <c r="C57" s="1"/>
      <c r="D57" s="1"/>
      <c r="E57" s="1"/>
      <c r="F57" s="1"/>
      <c r="G57" s="1"/>
      <c r="H57" s="1"/>
      <c r="I57" s="1"/>
    </row>
    <row r="58" spans="2:9" x14ac:dyDescent="0.15">
      <c r="B58" s="1"/>
      <c r="C58" s="1"/>
      <c r="D58" s="1"/>
      <c r="E58" s="1"/>
      <c r="F58" s="1"/>
      <c r="G58" s="1"/>
      <c r="H58" s="1"/>
      <c r="I58" s="1"/>
    </row>
    <row r="59" spans="2:9" x14ac:dyDescent="0.15">
      <c r="B59" s="1"/>
      <c r="C59" s="1"/>
      <c r="D59" s="1"/>
      <c r="E59" s="1"/>
      <c r="F59" s="1"/>
      <c r="G59" s="1"/>
      <c r="H59" s="1"/>
      <c r="I59" s="1"/>
    </row>
    <row r="60" spans="2:9" x14ac:dyDescent="0.15">
      <c r="B60" s="1"/>
      <c r="C60" s="1"/>
      <c r="D60" s="1"/>
      <c r="E60" s="1"/>
      <c r="F60" s="1"/>
      <c r="G60" s="1"/>
      <c r="H60" s="1"/>
      <c r="I60" s="1"/>
    </row>
    <row r="61" spans="2:9" x14ac:dyDescent="0.15">
      <c r="B61" s="1"/>
      <c r="C61" s="1"/>
      <c r="D61" s="1"/>
      <c r="E61" s="1"/>
      <c r="F61" s="1"/>
      <c r="G61" s="1"/>
      <c r="H61" s="1"/>
      <c r="I61" s="1"/>
    </row>
    <row r="62" spans="2:9" x14ac:dyDescent="0.15">
      <c r="B62" s="1"/>
      <c r="C62" s="1"/>
      <c r="D62" s="1"/>
      <c r="E62" s="1"/>
      <c r="F62" s="1"/>
      <c r="G62" s="1"/>
      <c r="H62" s="1"/>
      <c r="I62" s="1"/>
    </row>
    <row r="63" spans="2:9" x14ac:dyDescent="0.15">
      <c r="B63" s="1"/>
      <c r="C63" s="1"/>
      <c r="D63" s="1"/>
      <c r="E63" s="1"/>
      <c r="F63" s="1"/>
      <c r="G63" s="1"/>
      <c r="H63" s="1"/>
      <c r="I63" s="1"/>
    </row>
    <row r="64" spans="2:9" x14ac:dyDescent="0.15">
      <c r="B64" s="1"/>
      <c r="C64" s="1"/>
      <c r="D64" s="1"/>
      <c r="E64" s="1"/>
      <c r="F64" s="1"/>
      <c r="G64" s="1"/>
      <c r="H64" s="1"/>
      <c r="I64" s="1"/>
    </row>
    <row r="65" spans="2:9" x14ac:dyDescent="0.15">
      <c r="B65" s="1"/>
      <c r="C65" s="1"/>
      <c r="D65" s="1"/>
      <c r="E65" s="1"/>
      <c r="F65" s="1"/>
      <c r="G65" s="1"/>
      <c r="H65" s="1"/>
      <c r="I65" s="1"/>
    </row>
    <row r="66" spans="2:9" x14ac:dyDescent="0.15">
      <c r="B66" s="1"/>
      <c r="C66" s="1"/>
      <c r="D66" s="1"/>
      <c r="E66" s="1"/>
      <c r="F66" s="1"/>
      <c r="G66" s="1"/>
      <c r="H66" s="1"/>
      <c r="I66" s="1"/>
    </row>
    <row r="67" spans="2:9" x14ac:dyDescent="0.15">
      <c r="B67" s="1"/>
      <c r="C67" s="1"/>
      <c r="D67" s="1"/>
      <c r="E67" s="1"/>
      <c r="F67" s="1"/>
      <c r="G67" s="1"/>
      <c r="H67" s="1"/>
      <c r="I67" s="1"/>
    </row>
    <row r="68" spans="2:9" x14ac:dyDescent="0.15">
      <c r="B68" s="1"/>
      <c r="C68" s="1"/>
      <c r="D68" s="1"/>
      <c r="E68" s="1"/>
      <c r="F68" s="1"/>
      <c r="G68" s="1"/>
      <c r="H68" s="1"/>
      <c r="I68" s="1"/>
    </row>
    <row r="69" spans="2:9" x14ac:dyDescent="0.15">
      <c r="B69" s="1"/>
      <c r="C69" s="1"/>
      <c r="D69" s="1"/>
      <c r="E69" s="1"/>
      <c r="F69" s="1"/>
      <c r="G69" s="1"/>
      <c r="H69" s="1"/>
      <c r="I69" s="1"/>
    </row>
    <row r="70" spans="2:9" x14ac:dyDescent="0.15">
      <c r="B70" s="1"/>
      <c r="C70" s="1"/>
      <c r="D70" s="1"/>
      <c r="E70" s="1"/>
      <c r="F70" s="1"/>
      <c r="G70" s="1"/>
      <c r="H70" s="1"/>
      <c r="I70" s="1"/>
    </row>
    <row r="71" spans="2:9" x14ac:dyDescent="0.15">
      <c r="B71" s="1"/>
      <c r="C71" s="1"/>
      <c r="D71" s="1"/>
      <c r="E71" s="1"/>
      <c r="F71" s="1"/>
      <c r="G71" s="1"/>
      <c r="H71" s="1"/>
      <c r="I71" s="1"/>
    </row>
    <row r="72" spans="2:9" x14ac:dyDescent="0.15">
      <c r="B72" s="1"/>
      <c r="C72" s="1"/>
      <c r="D72" s="1"/>
      <c r="E72" s="1"/>
      <c r="F72" s="1"/>
      <c r="G72" s="1"/>
      <c r="H72" s="1"/>
      <c r="I72" s="1"/>
    </row>
    <row r="73" spans="2:9" x14ac:dyDescent="0.15">
      <c r="B73" s="1"/>
      <c r="C73" s="1"/>
      <c r="D73" s="1"/>
      <c r="E73" s="1"/>
      <c r="F73" s="1"/>
      <c r="G73" s="1"/>
      <c r="H73" s="1"/>
      <c r="I73" s="1"/>
    </row>
    <row r="74" spans="2:9" x14ac:dyDescent="0.15">
      <c r="B74" s="1"/>
      <c r="C74" s="1"/>
      <c r="D74" s="1"/>
      <c r="E74" s="1"/>
      <c r="F74" s="1"/>
      <c r="G74" s="1"/>
      <c r="H74" s="1"/>
      <c r="I74" s="1"/>
    </row>
    <row r="75" spans="2:9" x14ac:dyDescent="0.15">
      <c r="B75" s="1"/>
      <c r="C75" s="1"/>
      <c r="D75" s="1"/>
      <c r="E75" s="1"/>
      <c r="F75" s="1"/>
      <c r="G75" s="1"/>
      <c r="H75" s="1"/>
      <c r="I75" s="1"/>
    </row>
    <row r="76" spans="2:9" x14ac:dyDescent="0.15">
      <c r="B76" s="1"/>
      <c r="C76" s="1"/>
      <c r="D76" s="1"/>
      <c r="E76" s="1"/>
      <c r="F76" s="1"/>
      <c r="G76" s="1"/>
      <c r="H76" s="1"/>
      <c r="I76" s="1"/>
    </row>
    <row r="77" spans="2:9" x14ac:dyDescent="0.15">
      <c r="B77" s="1"/>
      <c r="C77" s="1"/>
      <c r="D77" s="1"/>
      <c r="E77" s="1"/>
      <c r="F77" s="1"/>
      <c r="G77" s="1"/>
      <c r="H77" s="1"/>
      <c r="I77" s="1"/>
    </row>
    <row r="78" spans="2:9" x14ac:dyDescent="0.15">
      <c r="B78" s="1"/>
      <c r="C78" s="1"/>
      <c r="D78" s="1"/>
      <c r="E78" s="1"/>
      <c r="F78" s="1"/>
      <c r="G78" s="1"/>
      <c r="H78" s="1"/>
      <c r="I78" s="1"/>
    </row>
    <row r="79" spans="2:9" x14ac:dyDescent="0.15">
      <c r="B79" s="1"/>
      <c r="C79" s="1"/>
      <c r="D79" s="1"/>
      <c r="E79" s="1"/>
      <c r="F79" s="1"/>
      <c r="G79" s="1"/>
      <c r="H79" s="1"/>
      <c r="I79" s="1"/>
    </row>
    <row r="80" spans="2:9" x14ac:dyDescent="0.15">
      <c r="B80" s="1"/>
      <c r="C80" s="1"/>
      <c r="D80" s="1"/>
      <c r="E80" s="1"/>
      <c r="F80" s="1"/>
      <c r="G80" s="1"/>
      <c r="H80" s="1"/>
      <c r="I80" s="1"/>
    </row>
    <row r="81" spans="2:9" x14ac:dyDescent="0.15">
      <c r="B81" s="1"/>
      <c r="C81" s="1"/>
      <c r="D81" s="1"/>
      <c r="E81" s="1"/>
      <c r="F81" s="1"/>
      <c r="G81" s="1"/>
      <c r="H81" s="1"/>
      <c r="I81" s="1"/>
    </row>
    <row r="82" spans="2:9" x14ac:dyDescent="0.15">
      <c r="B82" s="1"/>
      <c r="C82" s="1"/>
      <c r="D82" s="1"/>
      <c r="E82" s="1"/>
      <c r="F82" s="1"/>
      <c r="G82" s="1"/>
      <c r="H82" s="1"/>
      <c r="I82" s="1"/>
    </row>
    <row r="83" spans="2:9" x14ac:dyDescent="0.15">
      <c r="B83" s="1"/>
      <c r="C83" s="1"/>
      <c r="D83" s="1"/>
      <c r="E83" s="1"/>
      <c r="F83" s="1"/>
      <c r="G83" s="1"/>
      <c r="H83" s="1"/>
      <c r="I83" s="1"/>
    </row>
    <row r="84" spans="2:9" x14ac:dyDescent="0.15">
      <c r="B84" s="1"/>
      <c r="C84" s="1"/>
      <c r="D84" s="1"/>
      <c r="E84" s="1"/>
      <c r="F84" s="1"/>
      <c r="G84" s="1"/>
      <c r="H84" s="1"/>
      <c r="I84" s="1"/>
    </row>
    <row r="85" spans="2:9" x14ac:dyDescent="0.15">
      <c r="B85" s="1"/>
      <c r="C85" s="1"/>
      <c r="D85" s="1"/>
      <c r="E85" s="1"/>
      <c r="F85" s="1"/>
      <c r="G85" s="1"/>
      <c r="H85" s="1"/>
      <c r="I85" s="1"/>
    </row>
    <row r="86" spans="2:9" x14ac:dyDescent="0.15">
      <c r="B86" s="1"/>
      <c r="C86" s="1"/>
      <c r="D86" s="1"/>
      <c r="E86" s="1"/>
      <c r="F86" s="1"/>
      <c r="G86" s="1"/>
      <c r="H86" s="1"/>
      <c r="I86" s="1"/>
    </row>
    <row r="87" spans="2:9" x14ac:dyDescent="0.15">
      <c r="B87" s="1"/>
      <c r="C87" s="1"/>
      <c r="D87" s="1"/>
      <c r="E87" s="1"/>
      <c r="F87" s="1"/>
      <c r="G87" s="1"/>
      <c r="H87" s="1"/>
      <c r="I87" s="1"/>
    </row>
    <row r="88" spans="2:9" x14ac:dyDescent="0.15">
      <c r="B88" s="1"/>
      <c r="C88" s="1"/>
      <c r="D88" s="1"/>
      <c r="E88" s="1"/>
      <c r="F88" s="1"/>
      <c r="G88" s="1"/>
      <c r="H88" s="1"/>
      <c r="I88" s="1"/>
    </row>
    <row r="89" spans="2:9" x14ac:dyDescent="0.15">
      <c r="B89" s="1"/>
      <c r="C89" s="1"/>
      <c r="D89" s="1"/>
      <c r="E89" s="1"/>
      <c r="F89" s="1"/>
      <c r="G89" s="1"/>
      <c r="H89" s="1"/>
      <c r="I89" s="1"/>
    </row>
    <row r="90" spans="2:9" x14ac:dyDescent="0.15">
      <c r="B90" s="1"/>
      <c r="C90" s="1"/>
      <c r="D90" s="1"/>
      <c r="E90" s="1"/>
      <c r="F90" s="1"/>
      <c r="G90" s="1"/>
      <c r="H90" s="1"/>
      <c r="I90" s="1"/>
    </row>
    <row r="91" spans="2:9" x14ac:dyDescent="0.15">
      <c r="B91" s="1"/>
      <c r="C91" s="1"/>
      <c r="D91" s="1"/>
      <c r="E91" s="1"/>
      <c r="F91" s="1"/>
      <c r="G91" s="1"/>
      <c r="H91" s="1"/>
      <c r="I91" s="1"/>
    </row>
    <row r="92" spans="2:9" x14ac:dyDescent="0.15">
      <c r="B92" s="1"/>
      <c r="C92" s="1"/>
      <c r="D92" s="1"/>
      <c r="E92" s="1"/>
      <c r="F92" s="1"/>
      <c r="G92" s="1"/>
      <c r="H92" s="1"/>
      <c r="I92" s="1"/>
    </row>
    <row r="93" spans="2:9" x14ac:dyDescent="0.15">
      <c r="B93" s="1"/>
      <c r="C93" s="1"/>
      <c r="D93" s="1"/>
      <c r="E93" s="1"/>
      <c r="F93" s="1"/>
      <c r="G93" s="1"/>
      <c r="H93" s="1"/>
      <c r="I93" s="1"/>
    </row>
    <row r="94" spans="2:9" x14ac:dyDescent="0.15">
      <c r="B94" s="1"/>
      <c r="C94" s="1"/>
      <c r="D94" s="1"/>
      <c r="E94" s="1"/>
      <c r="F94" s="1"/>
      <c r="G94" s="1"/>
      <c r="H94" s="1"/>
      <c r="I94" s="1"/>
    </row>
    <row r="95" spans="2:9" x14ac:dyDescent="0.15">
      <c r="B95" s="1"/>
      <c r="C95" s="1"/>
      <c r="D95" s="1"/>
      <c r="E95" s="1"/>
      <c r="F95" s="1"/>
      <c r="G95" s="1"/>
      <c r="H95" s="1"/>
      <c r="I95" s="1"/>
    </row>
    <row r="96" spans="2:9" x14ac:dyDescent="0.15">
      <c r="B96" s="1"/>
      <c r="C96" s="1"/>
      <c r="D96" s="1"/>
      <c r="E96" s="1"/>
      <c r="F96" s="1"/>
      <c r="G96" s="1"/>
      <c r="H96" s="1"/>
      <c r="I96" s="1"/>
    </row>
    <row r="97" spans="2:9" x14ac:dyDescent="0.15">
      <c r="B97" s="1"/>
      <c r="C97" s="1"/>
      <c r="D97" s="1"/>
      <c r="E97" s="1"/>
      <c r="F97" s="1"/>
      <c r="G97" s="1"/>
      <c r="H97" s="1"/>
      <c r="I97" s="1"/>
    </row>
    <row r="98" spans="2:9" x14ac:dyDescent="0.15">
      <c r="B98" s="1"/>
      <c r="C98" s="1"/>
      <c r="D98" s="1"/>
      <c r="E98" s="1"/>
      <c r="F98" s="1"/>
      <c r="G98" s="1"/>
      <c r="H98" s="1"/>
      <c r="I98" s="1"/>
    </row>
    <row r="99" spans="2:9" x14ac:dyDescent="0.15">
      <c r="B99" s="1"/>
      <c r="C99" s="1"/>
      <c r="D99" s="1"/>
      <c r="E99" s="1"/>
      <c r="F99" s="1"/>
      <c r="G99" s="1"/>
      <c r="H99" s="1"/>
      <c r="I99" s="1"/>
    </row>
    <row r="100" spans="2:9" x14ac:dyDescent="0.15">
      <c r="B100" s="1"/>
      <c r="C100" s="1"/>
      <c r="D100" s="1"/>
      <c r="E100" s="1"/>
      <c r="F100" s="1"/>
      <c r="G100" s="1"/>
      <c r="H100" s="1"/>
      <c r="I100" s="1"/>
    </row>
    <row r="101" spans="2:9" x14ac:dyDescent="0.15">
      <c r="B101" s="1"/>
      <c r="C101" s="1"/>
      <c r="D101" s="1"/>
      <c r="E101" s="1"/>
      <c r="F101" s="1"/>
      <c r="G101" s="1"/>
      <c r="H101" s="1"/>
      <c r="I101" s="1"/>
    </row>
    <row r="102" spans="2:9" x14ac:dyDescent="0.15">
      <c r="B102" s="1"/>
      <c r="C102" s="1"/>
      <c r="D102" s="1"/>
      <c r="E102" s="1"/>
      <c r="F102" s="1"/>
      <c r="G102" s="1"/>
      <c r="H102" s="1"/>
      <c r="I102" s="1"/>
    </row>
    <row r="103" spans="2:9" x14ac:dyDescent="0.15">
      <c r="B103" s="1"/>
      <c r="C103" s="1"/>
      <c r="D103" s="1"/>
      <c r="E103" s="1"/>
      <c r="F103" s="1"/>
      <c r="G103" s="1"/>
      <c r="H103" s="1"/>
      <c r="I103" s="1"/>
    </row>
    <row r="104" spans="2:9" x14ac:dyDescent="0.15">
      <c r="B104" s="1"/>
      <c r="C104" s="1"/>
      <c r="D104" s="1"/>
      <c r="E104" s="1"/>
      <c r="F104" s="1"/>
      <c r="G104" s="1"/>
      <c r="H104" s="1"/>
      <c r="I104" s="1"/>
    </row>
    <row r="105" spans="2:9" x14ac:dyDescent="0.15">
      <c r="B105" s="1"/>
      <c r="C105" s="1"/>
      <c r="D105" s="1"/>
      <c r="E105" s="1"/>
      <c r="F105" s="1"/>
      <c r="G105" s="1"/>
      <c r="H105" s="1"/>
      <c r="I105" s="1"/>
    </row>
    <row r="106" spans="2:9" x14ac:dyDescent="0.15">
      <c r="B106" s="1"/>
      <c r="C106" s="1"/>
      <c r="D106" s="1"/>
      <c r="E106" s="1"/>
      <c r="F106" s="1"/>
      <c r="G106" s="1"/>
      <c r="H106" s="1"/>
      <c r="I106" s="1"/>
    </row>
    <row r="107" spans="2:9" x14ac:dyDescent="0.15">
      <c r="B107" s="1"/>
      <c r="C107" s="1"/>
      <c r="D107" s="1"/>
      <c r="E107" s="1"/>
      <c r="F107" s="1"/>
      <c r="G107" s="1"/>
      <c r="H107" s="1"/>
      <c r="I107" s="1"/>
    </row>
    <row r="108" spans="2:9" x14ac:dyDescent="0.15">
      <c r="B108" s="1"/>
      <c r="C108" s="1"/>
      <c r="D108" s="1"/>
      <c r="E108" s="1"/>
      <c r="F108" s="1"/>
      <c r="G108" s="1"/>
      <c r="H108" s="1"/>
      <c r="I108" s="1"/>
    </row>
    <row r="109" spans="2:9" x14ac:dyDescent="0.15">
      <c r="B109" s="1"/>
      <c r="C109" s="1"/>
      <c r="D109" s="1"/>
      <c r="E109" s="1"/>
      <c r="F109" s="1"/>
      <c r="G109" s="1"/>
      <c r="H109" s="1"/>
      <c r="I109" s="1"/>
    </row>
    <row r="110" spans="2:9" x14ac:dyDescent="0.15">
      <c r="B110" s="1"/>
      <c r="C110" s="1"/>
      <c r="D110" s="1"/>
      <c r="E110" s="1"/>
      <c r="F110" s="1"/>
      <c r="G110" s="1"/>
      <c r="H110" s="1"/>
      <c r="I110" s="1"/>
    </row>
    <row r="111" spans="2:9" x14ac:dyDescent="0.15">
      <c r="B111" s="1"/>
      <c r="C111" s="1"/>
      <c r="D111" s="1"/>
      <c r="E111" s="1"/>
      <c r="F111" s="1"/>
      <c r="G111" s="1"/>
      <c r="H111" s="1"/>
      <c r="I111" s="1"/>
    </row>
    <row r="112" spans="2:9" x14ac:dyDescent="0.15">
      <c r="B112" s="1"/>
      <c r="C112" s="1"/>
      <c r="D112" s="1"/>
      <c r="E112" s="1"/>
      <c r="F112" s="1"/>
      <c r="G112" s="1"/>
      <c r="H112" s="1"/>
      <c r="I112" s="1"/>
    </row>
    <row r="113" spans="2:9" x14ac:dyDescent="0.15">
      <c r="B113" s="1"/>
      <c r="C113" s="1"/>
      <c r="D113" s="1"/>
      <c r="E113" s="1"/>
      <c r="F113" s="1"/>
      <c r="G113" s="1"/>
      <c r="H113" s="1"/>
      <c r="I113" s="1"/>
    </row>
    <row r="114" spans="2:9" x14ac:dyDescent="0.15">
      <c r="B114" s="1"/>
      <c r="C114" s="1"/>
      <c r="D114" s="1"/>
      <c r="E114" s="1"/>
      <c r="F114" s="1"/>
      <c r="G114" s="1"/>
      <c r="H114" s="1"/>
      <c r="I114" s="1"/>
    </row>
    <row r="115" spans="2:9" x14ac:dyDescent="0.15">
      <c r="B115" s="1"/>
      <c r="C115" s="1"/>
      <c r="D115" s="1"/>
      <c r="E115" s="1"/>
      <c r="F115" s="1"/>
      <c r="G115" s="1"/>
      <c r="H115" s="1"/>
      <c r="I115" s="1"/>
    </row>
    <row r="116" spans="2:9" x14ac:dyDescent="0.15">
      <c r="B116" s="1"/>
      <c r="C116" s="1"/>
      <c r="D116" s="1"/>
      <c r="E116" s="1"/>
      <c r="F116" s="1"/>
      <c r="G116" s="1"/>
      <c r="H116" s="1"/>
      <c r="I116" s="1"/>
    </row>
    <row r="117" spans="2:9" x14ac:dyDescent="0.15">
      <c r="B117" s="1"/>
      <c r="C117" s="1"/>
      <c r="D117" s="1"/>
      <c r="E117" s="1"/>
      <c r="F117" s="1"/>
      <c r="G117" s="1"/>
      <c r="H117" s="1"/>
      <c r="I117" s="1"/>
    </row>
    <row r="118" spans="2:9" x14ac:dyDescent="0.15">
      <c r="B118" s="1"/>
      <c r="C118" s="1"/>
      <c r="D118" s="1"/>
      <c r="E118" s="1"/>
      <c r="F118" s="1"/>
      <c r="G118" s="1"/>
      <c r="H118" s="1"/>
      <c r="I118" s="1"/>
    </row>
    <row r="119" spans="2:9" x14ac:dyDescent="0.15">
      <c r="B119" s="1"/>
      <c r="C119" s="1"/>
      <c r="D119" s="1"/>
      <c r="E119" s="1"/>
      <c r="F119" s="1"/>
      <c r="G119" s="1"/>
      <c r="H119" s="1"/>
      <c r="I119" s="1"/>
    </row>
    <row r="120" spans="2:9" x14ac:dyDescent="0.15">
      <c r="B120" s="1"/>
      <c r="C120" s="1"/>
      <c r="D120" s="1"/>
      <c r="E120" s="1"/>
      <c r="F120" s="1"/>
      <c r="G120" s="1"/>
      <c r="H120" s="1"/>
      <c r="I120" s="1"/>
    </row>
    <row r="121" spans="2:9" x14ac:dyDescent="0.15">
      <c r="B121" s="1"/>
      <c r="C121" s="1"/>
      <c r="D121" s="1"/>
      <c r="E121" s="1"/>
      <c r="F121" s="1"/>
      <c r="G121" s="1"/>
      <c r="H121" s="1"/>
      <c r="I121" s="1"/>
    </row>
    <row r="122" spans="2:9" x14ac:dyDescent="0.15">
      <c r="B122" s="1"/>
      <c r="C122" s="1"/>
      <c r="D122" s="1"/>
      <c r="E122" s="1"/>
      <c r="F122" s="1"/>
      <c r="G122" s="1"/>
      <c r="H122" s="1"/>
      <c r="I122" s="1"/>
    </row>
  </sheetData>
  <phoneticPr fontId="3"/>
  <printOptions horizontalCentered="1" verticalCentered="1"/>
  <pageMargins left="0.70866141732283472" right="0.70866141732283472" top="0.74803149606299213" bottom="0.74803149606299213" header="0.31496062992125984" footer="0.31496062992125984"/>
  <pageSetup paperSize="9" scale="9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F7D65F914206A845BA5E073699A2A56C" ma:contentTypeVersion="11" ma:contentTypeDescription="" ma:contentTypeScope="" ma:versionID="158b2bb3accbee953133252675477ed1">
  <xsd:schema xmlns:xsd="http://www.w3.org/2001/XMLSchema" xmlns:p="http://schemas.microsoft.com/office/2006/metadata/properties" xmlns:ns2="8B97BE19-CDDD-400E-817A-CFDD13F7EC12" xmlns:ns3="47557f19-f080-4ac7-ab52-09ee16acc42a" targetNamespace="http://schemas.microsoft.com/office/2006/metadata/properties" ma:root="true" ma:fieldsID="3c7aaa2dc1bfde71828234a71e3dfc50" ns2:_="" ns3:_="">
    <xsd:import namespace="8B97BE19-CDDD-400E-817A-CFDD13F7EC12"/>
    <xsd:import namespace="47557f19-f080-4ac7-ab52-09ee16acc42a"/>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element ref="ns3:DaibunruiID" minOccurs="0"/>
                <xsd:element ref="ns3:ChuubunruiID" minOccurs="0"/>
                <xsd:element ref="ns3:SyoubunruiID" minOccurs="0"/>
                <xsd:element ref="ns3:GyouseibunsyoID" minOccurs="0"/>
                <xsd:element ref="ns3:Renkei" minOccurs="0"/>
                <xsd:element ref="ns3:Flag01" minOccurs="0"/>
                <xsd:element ref="ns3:Yobi01" minOccurs="0"/>
                <xsd:element ref="ns3:Yobi02" minOccurs="0"/>
                <xsd:element ref="ns3:Yobi03"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dms="http://schemas.microsoft.com/office/2006/documentManagement/types" targetNamespace="47557f19-f080-4ac7-ab52-09ee16acc42a" elementFormDefault="qualified">
    <xsd:import namespace="http://schemas.microsoft.com/office/2006/documentManagement/types"/>
    <xsd:element name="DaibunruiID" ma:index="19" nillable="true" ma:displayName="大分類ID" ma:description="" ma:hidden="true" ma:internalName="DaibunruiID" ma:readOnly="true">
      <xsd:simpleType>
        <xsd:restriction base="dms:Text"/>
      </xsd:simpleType>
    </xsd:element>
    <xsd:element name="ChuubunruiID" ma:index="20" nillable="true" ma:displayName="中分類ID" ma:description="" ma:hidden="true" ma:internalName="ChuubunruiID" ma:readOnly="true">
      <xsd:simpleType>
        <xsd:restriction base="dms:Text"/>
      </xsd:simpleType>
    </xsd:element>
    <xsd:element name="SyoubunruiID" ma:index="21" nillable="true" ma:displayName="小分類ID" ma:description="" ma:hidden="true" ma:internalName="SyoubunruiID" ma:readOnly="true">
      <xsd:simpleType>
        <xsd:restriction base="dms:Text"/>
      </xsd:simpleType>
    </xsd:element>
    <xsd:element name="GyouseibunsyoID" ma:index="22" nillable="true" ma:displayName="行政文書ファイル名ID" ma:description="" ma:hidden="true" ma:internalName="GyouseibunsyoID" ma:readOnly="true">
      <xsd:simpleType>
        <xsd:restriction base="dms:Text"/>
      </xsd:simpleType>
    </xsd:element>
    <xsd:element name="Renkei" ma:index="23" nillable="true" ma:displayName="行政文書連携フラグ" ma:description="" ma:hidden="true" ma:internalName="Renkei" ma:readOnly="true">
      <xsd:simpleType>
        <xsd:restriction base="dms:Text"/>
      </xsd:simpleType>
    </xsd:element>
    <xsd:element name="Flag01" ma:index="24" nillable="true" ma:displayName="予備フラグ" ma:description="" ma:hidden="true" ma:internalName="Flag01" ma:readOnly="true">
      <xsd:simpleType>
        <xsd:restriction base="dms:Text"/>
      </xsd:simpleType>
    </xsd:element>
    <xsd:element name="Yobi01" ma:index="25" nillable="true" ma:displayName="予備列01" ma:description="" ma:hidden="true" ma:internalName="Yobi01" ma:readOnly="true">
      <xsd:simpleType>
        <xsd:restriction base="dms:Text"/>
      </xsd:simpleType>
    </xsd:element>
    <xsd:element name="Yobi02" ma:index="26" nillable="true" ma:displayName="予備列02" ma:description="" ma:hidden="true" ma:internalName="Yobi02" ma:readOnly="true">
      <xsd:simpleType>
        <xsd:restriction base="dms:Text"/>
      </xsd:simpleType>
    </xsd:element>
    <xsd:element name="Yobi03" ma:index="27" nillable="true" ma:displayName="予備列03" ma:description="" ma:hidden="true" ma:internalName="Yobi03"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9479C25A-0029-405D-B9CC-CC7CDB5C154E}">
  <ds:schemaRefs>
    <ds:schemaRef ds:uri="http://schemas.openxmlformats.org/package/2006/metadata/core-properties"/>
    <ds:schemaRef ds:uri="http://purl.org/dc/terms/"/>
    <ds:schemaRef ds:uri="http://schemas.microsoft.com/office/2006/documentManagement/types"/>
    <ds:schemaRef ds:uri="http://schemas.microsoft.com/office/2006/metadata/properties"/>
    <ds:schemaRef ds:uri="http://purl.org/dc/elements/1.1/"/>
    <ds:schemaRef ds:uri="8B97BE19-CDDD-400E-817A-CFDD13F7EC12"/>
    <ds:schemaRef ds:uri="47557f19-f080-4ac7-ab52-09ee16acc42a"/>
    <ds:schemaRef ds:uri="http://www.w3.org/XML/1998/namespace"/>
    <ds:schemaRef ds:uri="http://purl.org/dc/dcmitype/"/>
    <ds:schemaRef ds:uri="http://schemas.microsoft.com/office/infopath/2007/PartnerControls"/>
  </ds:schemaRefs>
</ds:datastoreItem>
</file>

<file path=customXml/itemProps2.xml><?xml version="1.0" encoding="utf-8"?>
<ds:datastoreItem xmlns:ds="http://schemas.openxmlformats.org/officeDocument/2006/customXml" ds:itemID="{5B4BEB36-F195-4E19-A8F2-1E056D586175}">
  <ds:schemaRefs>
    <ds:schemaRef ds:uri="http://schemas.microsoft.com/sharepoint/v3/contenttype/forms"/>
  </ds:schemaRefs>
</ds:datastoreItem>
</file>

<file path=customXml/itemProps3.xml><?xml version="1.0" encoding="utf-8"?>
<ds:datastoreItem xmlns:ds="http://schemas.openxmlformats.org/officeDocument/2006/customXml" ds:itemID="{DD70E08D-AD74-41CB-92F8-0161790732C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47557f19-f080-4ac7-ab52-09ee16acc42a"/>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人工呼吸器</vt:lpstr>
      <vt:lpstr>別紙３（人工呼吸器証明）  </vt:lpstr>
      <vt:lpstr>基準表</vt:lpstr>
      <vt:lpstr>基準表!Print_Area</vt:lpstr>
      <vt:lpstr>人工呼吸器!Print_Area</vt:lpstr>
      <vt:lpstr>'別紙３（人工呼吸器証明）  '!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C14-1959</cp:lastModifiedBy>
  <cp:lastPrinted>2015-01-30T06:53:12Z</cp:lastPrinted>
  <dcterms:created xsi:type="dcterms:W3CDTF">2005-05-27T11:51:48Z</dcterms:created>
  <dcterms:modified xsi:type="dcterms:W3CDTF">2019-06-27T01:37:51Z</dcterms:modified>
</cp:coreProperties>
</file>